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78\BLOCO II\CONTABILIDADE\PUBLICAÇÃO\IG\2017\1º Bim 2017\"/>
    </mc:Choice>
  </mc:AlternateContent>
  <bookViews>
    <workbookView xWindow="360" yWindow="270" windowWidth="14940" windowHeight="9150"/>
  </bookViews>
  <sheets>
    <sheet name="Anexo 1 - Balanço Orçamentário" sheetId="1" r:id="rId1"/>
    <sheet name="Anexo 2 - Função e SubFunção" sheetId="2" r:id="rId2"/>
    <sheet name="Anexo 3 - RCL" sheetId="3" r:id="rId3"/>
    <sheet name="Anexo 4 - RPPS" sheetId="4" r:id="rId4"/>
    <sheet name="Anexo 5 - Resultado Nominal" sheetId="5" r:id="rId5"/>
    <sheet name="Anexo 6 - Resultado Primário" sheetId="6" r:id="rId6"/>
    <sheet name="Anexo 7 - Restos a Pagar" sheetId="7" r:id="rId7"/>
    <sheet name="Anexo 8 - Educação - MDE" sheetId="8" r:id="rId8"/>
    <sheet name="Anexo 12 - Saúde" sheetId="9" r:id="rId9"/>
    <sheet name="Anexo 13 - PPP" sheetId="10" r:id="rId10"/>
    <sheet name="Anexo 14 - Demonst. Simplifica" sheetId="11" r:id="rId11"/>
  </sheets>
  <calcPr calcId="152511"/>
</workbook>
</file>

<file path=xl/sharedStrings.xml><?xml version="1.0" encoding="utf-8"?>
<sst xmlns="http://schemas.openxmlformats.org/spreadsheetml/2006/main" count="8023" uniqueCount="3268">
  <si>
    <t>ESTADO DE MATO GROSSO DO SUL</t>
  </si>
  <si>
    <t>Relatório Resumido de Execução Orçamentária (RREO)</t>
  </si>
  <si>
    <t>Anexo 1 - Balanço Orçamentário</t>
  </si>
  <si>
    <t>Orçamentos Fiscal e da Seguridade Social</t>
  </si>
  <si>
    <t>Janeiro à Fevereiro de  2017 / 1º Bimestre</t>
  </si>
  <si>
    <t>LRF, Art. 52, inciso I, alíneas "a" e "b" do inciso II e §1º.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11.565.049.300,00</t>
  </si>
  <si>
    <t>1.695.454.696,94</t>
  </si>
  <si>
    <t>14,66</t>
  </si>
  <si>
    <t>9.869.594.603,06</t>
  </si>
  <si>
    <t>2</t>
  </si>
  <si>
    <t xml:space="preserve">         RECEITAS CORRENTES</t>
  </si>
  <si>
    <t>10.570.431.500,00</t>
  </si>
  <si>
    <t>1.607.777.278,20</t>
  </si>
  <si>
    <t>15,21</t>
  </si>
  <si>
    <t>8.962.654.221,80</t>
  </si>
  <si>
    <t>3</t>
  </si>
  <si>
    <t xml:space="preserve">            RECEITA TRIBUTÁRIA</t>
  </si>
  <si>
    <t>6.105.906.400,00</t>
  </si>
  <si>
    <t>952.098.794,43</t>
  </si>
  <si>
    <t>15,59</t>
  </si>
  <si>
    <t>5.153.807.605,57</t>
  </si>
  <si>
    <t>4</t>
  </si>
  <si>
    <t xml:space="preserve">               Impostos</t>
  </si>
  <si>
    <t>5.837.149.200,00</t>
  </si>
  <si>
    <t>920.439.295,51</t>
  </si>
  <si>
    <t>15,77</t>
  </si>
  <si>
    <t>4.916.709.904,49</t>
  </si>
  <si>
    <t>5</t>
  </si>
  <si>
    <t xml:space="preserve">               Taxas</t>
  </si>
  <si>
    <t>268.757.200,00</t>
  </si>
  <si>
    <t>31.659.498,92</t>
  </si>
  <si>
    <t>11,78</t>
  </si>
  <si>
    <t>237.097.701,08</t>
  </si>
  <si>
    <t>6</t>
  </si>
  <si>
    <t xml:space="preserve">               Contribuição de Melhoria</t>
  </si>
  <si>
    <t>0,00</t>
  </si>
  <si>
    <t>7</t>
  </si>
  <si>
    <t xml:space="preserve">            RECEITA DE CONTRIBUIÇÕES</t>
  </si>
  <si>
    <t>431.709.500,00</t>
  </si>
  <si>
    <t>41.279.710,03</t>
  </si>
  <si>
    <t>9,56</t>
  </si>
  <si>
    <t>390.429.789,97</t>
  </si>
  <si>
    <t>8</t>
  </si>
  <si>
    <t xml:space="preserve">               Contribuições Sociais</t>
  </si>
  <si>
    <t>9</t>
  </si>
  <si>
    <t xml:space="preserve">               Contribuição de Intervenção no Domínio Econômico - CIDE</t>
  </si>
  <si>
    <t>10</t>
  </si>
  <si>
    <t xml:space="preserve">               Contribuição de Iluminação Pública</t>
  </si>
  <si>
    <t>11</t>
  </si>
  <si>
    <t xml:space="preserve">            RECEITA PATRIMONIAL</t>
  </si>
  <si>
    <t>143.323.500,00</t>
  </si>
  <si>
    <t>32.180.814,90</t>
  </si>
  <si>
    <t>22,45</t>
  </si>
  <si>
    <t>111.142.685,10</t>
  </si>
  <si>
    <t>12</t>
  </si>
  <si>
    <t xml:space="preserve">               Receitas Imobiliárias</t>
  </si>
  <si>
    <t>1.318.300,00</t>
  </si>
  <si>
    <t>163.842,50</t>
  </si>
  <si>
    <t>12,43</t>
  </si>
  <si>
    <t>1.154.457,50</t>
  </si>
  <si>
    <t>13</t>
  </si>
  <si>
    <t xml:space="preserve">               Receitas de Valores Mobiliários</t>
  </si>
  <si>
    <t>98.702.600,00</t>
  </si>
  <si>
    <t>26.595.821,69</t>
  </si>
  <si>
    <t>26,95</t>
  </si>
  <si>
    <t>72.106.778,31</t>
  </si>
  <si>
    <t>14</t>
  </si>
  <si>
    <t xml:space="preserve">               Receita de Concessões e Permissões</t>
  </si>
  <si>
    <t>1.902.600,00</t>
  </si>
  <si>
    <t>161.477,33</t>
  </si>
  <si>
    <t>8,49</t>
  </si>
  <si>
    <t>1.741.122,67</t>
  </si>
  <si>
    <t>15</t>
  </si>
  <si>
    <t xml:space="preserve">               Compensações Financeiras</t>
  </si>
  <si>
    <t>21.000.000,00</t>
  </si>
  <si>
    <t>1.181.840,50</t>
  </si>
  <si>
    <t>5,63</t>
  </si>
  <si>
    <t>19.818.159,50</t>
  </si>
  <si>
    <t>16</t>
  </si>
  <si>
    <t xml:space="preserve">               Receita Decorrente do Direito de Exploração de Bens  Públicos em  Áreas de Domínio Público </t>
  </si>
  <si>
    <t>17</t>
  </si>
  <si>
    <t xml:space="preserve">               Receita da Cessão de Direito</t>
  </si>
  <si>
    <t>20.400.000,00</t>
  </si>
  <si>
    <t>4.077.832,88</t>
  </si>
  <si>
    <t>19,99</t>
  </si>
  <si>
    <t>16.322.167,12</t>
  </si>
  <si>
    <t>18</t>
  </si>
  <si>
    <t xml:space="preserve">               Outras Receitas Patrimoniais</t>
  </si>
  <si>
    <t>19</t>
  </si>
  <si>
    <t xml:space="preserve">            RECEITA AGROPECUÁRIA</t>
  </si>
  <si>
    <t>20</t>
  </si>
  <si>
    <t xml:space="preserve">               Receita da Produção Vegetal</t>
  </si>
  <si>
    <t>21</t>
  </si>
  <si>
    <t xml:space="preserve">               Receita da Produção Animal e Derivados</t>
  </si>
  <si>
    <t>22</t>
  </si>
  <si>
    <t xml:space="preserve">               Outras Receitas Agropecuárias</t>
  </si>
  <si>
    <t>23</t>
  </si>
  <si>
    <t xml:space="preserve">            RECEITA INDUSTRIAL</t>
  </si>
  <si>
    <t>24</t>
  </si>
  <si>
    <t xml:space="preserve">               Receita da Indústria Extrativa Mineral</t>
  </si>
  <si>
    <t>25</t>
  </si>
  <si>
    <t xml:space="preserve">               Receita da Indústria de Transformação</t>
  </si>
  <si>
    <t>26</t>
  </si>
  <si>
    <t xml:space="preserve">               Receita da Indústria de Construção</t>
  </si>
  <si>
    <t>27</t>
  </si>
  <si>
    <t xml:space="preserve">               Outras Receitas Industriais</t>
  </si>
  <si>
    <t>28</t>
  </si>
  <si>
    <t xml:space="preserve">            RECEITA DE SERVIÇOS</t>
  </si>
  <si>
    <t>560.162.100,00</t>
  </si>
  <si>
    <t>65.983.338,93</t>
  </si>
  <si>
    <t>494.178.761,07</t>
  </si>
  <si>
    <t>29</t>
  </si>
  <si>
    <t xml:space="preserve">            TRANSFERÊNCIAS CORRENTES</t>
  </si>
  <si>
    <t>3.173.554.800,00</t>
  </si>
  <si>
    <t>492.106.863,94</t>
  </si>
  <si>
    <t>15,51</t>
  </si>
  <si>
    <t>2.681.447.936,06</t>
  </si>
  <si>
    <t>30</t>
  </si>
  <si>
    <t xml:space="preserve">               Transferências Intergovernamentais</t>
  </si>
  <si>
    <t>2.359.479.500,00</t>
  </si>
  <si>
    <t>373.957.602,22</t>
  </si>
  <si>
    <t>15,85</t>
  </si>
  <si>
    <t>1.985.521.897,78</t>
  </si>
  <si>
    <t>31</t>
  </si>
  <si>
    <t xml:space="preserve">               Transferências de Instituições Privadas</t>
  </si>
  <si>
    <t>734.771.800,00</t>
  </si>
  <si>
    <t>115.005.204,50</t>
  </si>
  <si>
    <t>15,65</t>
  </si>
  <si>
    <t>619.766.595,50</t>
  </si>
  <si>
    <t>32</t>
  </si>
  <si>
    <t xml:space="preserve">               Transferências do Exterior</t>
  </si>
  <si>
    <t>33</t>
  </si>
  <si>
    <t xml:space="preserve">               Transferências de Pessoas</t>
  </si>
  <si>
    <t>106.200,00</t>
  </si>
  <si>
    <t>34</t>
  </si>
  <si>
    <t xml:space="preserve">               Transferências de Convênios</t>
  </si>
  <si>
    <t>79.197.300,00</t>
  </si>
  <si>
    <t>3.144.057,22</t>
  </si>
  <si>
    <t>3,97</t>
  </si>
  <si>
    <t>76.053.242,78</t>
  </si>
  <si>
    <t>35</t>
  </si>
  <si>
    <t xml:space="preserve">               Transferências para o Combate à Fome</t>
  </si>
  <si>
    <t>36</t>
  </si>
  <si>
    <t xml:space="preserve">            OUTRAS RECEITAS CORRENTES</t>
  </si>
  <si>
    <t>155.775.200,00</t>
  </si>
  <si>
    <t>24.127.755,97</t>
  </si>
  <si>
    <t>15,49</t>
  </si>
  <si>
    <t>131.647.444,03</t>
  </si>
  <si>
    <t>37</t>
  </si>
  <si>
    <t xml:space="preserve">               Multas e Juros de Mora</t>
  </si>
  <si>
    <t>89.829.500,00</t>
  </si>
  <si>
    <t>11.909.929,56</t>
  </si>
  <si>
    <t>13,26</t>
  </si>
  <si>
    <t>77.919.570,44</t>
  </si>
  <si>
    <t>38</t>
  </si>
  <si>
    <t xml:space="preserve">               Indenizações e Restituições</t>
  </si>
  <si>
    <t>18.789.800,00</t>
  </si>
  <si>
    <t>2.972.773,09</t>
  </si>
  <si>
    <t>15,82</t>
  </si>
  <si>
    <t>15.817.026,91</t>
  </si>
  <si>
    <t>39</t>
  </si>
  <si>
    <t xml:space="preserve">               Receita da Dívida Ativa</t>
  </si>
  <si>
    <t>14.503.500,00</t>
  </si>
  <si>
    <t>8.423.212,19</t>
  </si>
  <si>
    <t>58,08</t>
  </si>
  <si>
    <t>6.080.287,81</t>
  </si>
  <si>
    <t>40</t>
  </si>
  <si>
    <t xml:space="preserve">               Receitas Decorrentes de  Aportes  Periódicos para  Amortização  de  Déficit Atuarial do RPPS</t>
  </si>
  <si>
    <t>41</t>
  </si>
  <si>
    <t xml:space="preserve">               Receitas Correntes Diversas</t>
  </si>
  <si>
    <t>32.652.400,00</t>
  </si>
  <si>
    <t>821.841,13</t>
  </si>
  <si>
    <t>2,52</t>
  </si>
  <si>
    <t>31.830.558,87</t>
  </si>
  <si>
    <t>42</t>
  </si>
  <si>
    <t xml:space="preserve">         RECEITAS DE CAPITAL</t>
  </si>
  <si>
    <t>994.617.800,00</t>
  </si>
  <si>
    <t>87.677.418,74</t>
  </si>
  <si>
    <t>8,82</t>
  </si>
  <si>
    <t>906.940.381,26</t>
  </si>
  <si>
    <t>43</t>
  </si>
  <si>
    <t xml:space="preserve">            OPERAÇÕES DE CRÉDITO</t>
  </si>
  <si>
    <t>44</t>
  </si>
  <si>
    <t xml:space="preserve">               Operações de Crédito Internas</t>
  </si>
  <si>
    <t>45</t>
  </si>
  <si>
    <t xml:space="preserve">               Operações de Crédito Externas</t>
  </si>
  <si>
    <t>46</t>
  </si>
  <si>
    <t xml:space="preserve">            ALIENAÇÃO DE BENS</t>
  </si>
  <si>
    <t>3.033.000,00</t>
  </si>
  <si>
    <t>798.314,92</t>
  </si>
  <si>
    <t>26,32</t>
  </si>
  <si>
    <t>2.234.685,08</t>
  </si>
  <si>
    <t>47</t>
  </si>
  <si>
    <t xml:space="preserve">               Alienação de Bens Móveis</t>
  </si>
  <si>
    <t>1.569.300,00</t>
  </si>
  <si>
    <t>759.650,00</t>
  </si>
  <si>
    <t>48,41</t>
  </si>
  <si>
    <t>809.650,00</t>
  </si>
  <si>
    <t>48</t>
  </si>
  <si>
    <t xml:space="preserve">               Alienação de Bens Imóveis</t>
  </si>
  <si>
    <t>1.463.700,00</t>
  </si>
  <si>
    <t>38.664,92</t>
  </si>
  <si>
    <t>2,64</t>
  </si>
  <si>
    <t>1.425.035,08</t>
  </si>
  <si>
    <t>49</t>
  </si>
  <si>
    <t xml:space="preserve">            AMORTIZAÇÕES DE EMPRÉSTIMOS</t>
  </si>
  <si>
    <t>5.332.700,00</t>
  </si>
  <si>
    <t>583.468,22</t>
  </si>
  <si>
    <t>10,94</t>
  </si>
  <si>
    <t>4.749.231,78</t>
  </si>
  <si>
    <t>50</t>
  </si>
  <si>
    <t xml:space="preserve">            TRANSFERÊNCIAS DE CAPITAL</t>
  </si>
  <si>
    <t>986.252.100,00</t>
  </si>
  <si>
    <t>86.295.635,60</t>
  </si>
  <si>
    <t>8,75</t>
  </si>
  <si>
    <t>899.956.464,40</t>
  </si>
  <si>
    <t>51</t>
  </si>
  <si>
    <t>30.227.300,00</t>
  </si>
  <si>
    <t>3.292.850,00</t>
  </si>
  <si>
    <t>10,89</t>
  </si>
  <si>
    <t>26.934.450,00</t>
  </si>
  <si>
    <t>52</t>
  </si>
  <si>
    <t>534.095.400,00</t>
  </si>
  <si>
    <t>76.278.491,46</t>
  </si>
  <si>
    <t>14,28</t>
  </si>
  <si>
    <t>457.816.908,54</t>
  </si>
  <si>
    <t>53</t>
  </si>
  <si>
    <t>54</t>
  </si>
  <si>
    <t>55</t>
  </si>
  <si>
    <t xml:space="preserve">               Transferências de Outras Instituições Públicas</t>
  </si>
  <si>
    <t>56</t>
  </si>
  <si>
    <t>421.929.400,00</t>
  </si>
  <si>
    <t>6.724.294,14</t>
  </si>
  <si>
    <t>1,59</t>
  </si>
  <si>
    <t>415.205.105,86</t>
  </si>
  <si>
    <t>57</t>
  </si>
  <si>
    <t>58</t>
  </si>
  <si>
    <t xml:space="preserve">            OUTRAS RECEITAS DE CAPITAL</t>
  </si>
  <si>
    <t>59</t>
  </si>
  <si>
    <t xml:space="preserve">               Integralização do Capital Social</t>
  </si>
  <si>
    <t>60</t>
  </si>
  <si>
    <t xml:space="preserve">               Dív. Atv. Prov. da Amortiz. de Emp. e Financ.</t>
  </si>
  <si>
    <t>61</t>
  </si>
  <si>
    <t xml:space="preserve">               Receita Auferida por Detentores de Títulos do Tesouro Nacional Resgatados</t>
  </si>
  <si>
    <t>62</t>
  </si>
  <si>
    <t xml:space="preserve">               Receitas de Alienação de Certificados de Potencial Adicional de Construção-CEPAC</t>
  </si>
  <si>
    <t>63</t>
  </si>
  <si>
    <t xml:space="preserve">               Receitas de Capital Diversas</t>
  </si>
  <si>
    <t>64</t>
  </si>
  <si>
    <t xml:space="preserve">      RECEITAS (INTRA-ORÇAMENTÁRIAS) (II)</t>
  </si>
  <si>
    <t>2.426.924.700,00</t>
  </si>
  <si>
    <t>147.357.878,92</t>
  </si>
  <si>
    <t>6,07</t>
  </si>
  <si>
    <t>2.279.566.821,08</t>
  </si>
  <si>
    <t>65</t>
  </si>
  <si>
    <t xml:space="preserve">   SUBTOTAL DAS RECEITAS (III) = (I + II)</t>
  </si>
  <si>
    <t>13.991.974.000,00</t>
  </si>
  <si>
    <t>1.842.812.575,86</t>
  </si>
  <si>
    <t>13,17</t>
  </si>
  <si>
    <t>12.149.161.424,14</t>
  </si>
  <si>
    <t>66</t>
  </si>
  <si>
    <t xml:space="preserve">   OPERAÇÕES DE CRÉDITO / REFINANCIAMENTO  (IV)</t>
  </si>
  <si>
    <t>67</t>
  </si>
  <si>
    <t xml:space="preserve">      Operações de Crédito Internas</t>
  </si>
  <si>
    <t>68</t>
  </si>
  <si>
    <t xml:space="preserve">         Mobiliária</t>
  </si>
  <si>
    <t>69</t>
  </si>
  <si>
    <t xml:space="preserve">         Contratual</t>
  </si>
  <si>
    <t>70</t>
  </si>
  <si>
    <t xml:space="preserve">      Operações de Crédito Externas</t>
  </si>
  <si>
    <t>71</t>
  </si>
  <si>
    <t>72</t>
  </si>
  <si>
    <t>73</t>
  </si>
  <si>
    <t>SUBTOTAL COM REFINANCIAMENTO (V) = (III + IV)</t>
  </si>
  <si>
    <t>74</t>
  </si>
  <si>
    <t>DÉFICIT (VI)</t>
  </si>
  <si>
    <t>479.578.121,53</t>
  </si>
  <si>
    <t>75</t>
  </si>
  <si>
    <t>TOTAL (VII) = (V + VI)</t>
  </si>
  <si>
    <t>2.322.390.697,39</t>
  </si>
  <si>
    <t>16,60</t>
  </si>
  <si>
    <t>11.669.583.302,61</t>
  </si>
  <si>
    <t>76</t>
  </si>
  <si>
    <t>SALDOS DE EXERCÍCIOS ANTERIORES</t>
  </si>
  <si>
    <t>77</t>
  </si>
  <si>
    <t>Recursos Arrecadados em Exercícios Anteriores - RPPS</t>
  </si>
  <si>
    <t>78</t>
  </si>
  <si>
    <t>Superávit Financeiro Utilizado para Créditos Adicionais</t>
  </si>
  <si>
    <t>79</t>
  </si>
  <si>
    <t>Reabertura de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12.976.404.300,00</t>
  </si>
  <si>
    <t>13.160.006.576,28</t>
  </si>
  <si>
    <t>7.596.459.890,34</t>
  </si>
  <si>
    <t>5.563.546.685,94</t>
  </si>
  <si>
    <t>2.021.003.115,26</t>
  </si>
  <si>
    <t>11.139.003.461,02</t>
  </si>
  <si>
    <t>1.553.042.846,84</t>
  </si>
  <si>
    <t>81</t>
  </si>
  <si>
    <t xml:space="preserve">         DESPESAS CORRENTES</t>
  </si>
  <si>
    <t>10.549.067.500,00</t>
  </si>
  <si>
    <t>10.801.080.088,28</t>
  </si>
  <si>
    <t>6.684.862.249,92</t>
  </si>
  <si>
    <t>4.116.217.838,36</t>
  </si>
  <si>
    <t>1.858.986.695,94</t>
  </si>
  <si>
    <t>8.942.093.392,34</t>
  </si>
  <si>
    <t>1.403.418.126,16</t>
  </si>
  <si>
    <t>82</t>
  </si>
  <si>
    <t xml:space="preserve">            PESSOAL E ENCARGOS SOCIAIS</t>
  </si>
  <si>
    <t>7.148.436.300,00</t>
  </si>
  <si>
    <t>7.096.256.589,08</t>
  </si>
  <si>
    <t>4.785.339.977,19</t>
  </si>
  <si>
    <t>2.310.916.611,89</t>
  </si>
  <si>
    <t>1.456.991.162,47</t>
  </si>
  <si>
    <t>5.639.265.426,61</t>
  </si>
  <si>
    <t>1.094.184.926,90</t>
  </si>
  <si>
    <t>83</t>
  </si>
  <si>
    <t xml:space="preserve">            JUROS E ENCARGOS DA DÍVIDA</t>
  </si>
  <si>
    <t>96.607.400,00</t>
  </si>
  <si>
    <t>224.846.600,00</t>
  </si>
  <si>
    <t>224.590.536,99</t>
  </si>
  <si>
    <t>256.063,01</t>
  </si>
  <si>
    <t>18.775.495,86</t>
  </si>
  <si>
    <t>206.071.104,14</t>
  </si>
  <si>
    <t>18.774.989,83</t>
  </si>
  <si>
    <t>84</t>
  </si>
  <si>
    <t xml:space="preserve">            OUTRAS DESPESAS CORRENTES</t>
  </si>
  <si>
    <t>3.304.023.800,00</t>
  </si>
  <si>
    <t>3.479.976.899,20</t>
  </si>
  <si>
    <t>1.674.931.735,74</t>
  </si>
  <si>
    <t>1.805.045.163,46</t>
  </si>
  <si>
    <t>383.220.037,61</t>
  </si>
  <si>
    <t>3.096.756.861,59</t>
  </si>
  <si>
    <t>290.458.209,43</t>
  </si>
  <si>
    <t>85</t>
  </si>
  <si>
    <t xml:space="preserve">               Transferências a Municípios¹</t>
  </si>
  <si>
    <t>73.000.000,00</t>
  </si>
  <si>
    <t>168.000.000,00</t>
  </si>
  <si>
    <t>30.750.000,00</t>
  </si>
  <si>
    <t>137.250.000,00</t>
  </si>
  <si>
    <t>16.750.000,00</t>
  </si>
  <si>
    <t>86</t>
  </si>
  <si>
    <t xml:space="preserve">               Demais Despesas Correntes¹</t>
  </si>
  <si>
    <t>3.231.023.800,00</t>
  </si>
  <si>
    <t>3.311.976.899,20</t>
  </si>
  <si>
    <t>1.506.931.735,74</t>
  </si>
  <si>
    <t>352.470.037,61</t>
  </si>
  <si>
    <t>2.959.506.861,59</t>
  </si>
  <si>
    <t>273.708.209,43</t>
  </si>
  <si>
    <t>87</t>
  </si>
  <si>
    <t xml:space="preserve">         DESPESAS DE CAPITAL</t>
  </si>
  <si>
    <t>1.842.555.500,00</t>
  </si>
  <si>
    <t>1.869.033.722,00</t>
  </si>
  <si>
    <t>911.597.640,42</t>
  </si>
  <si>
    <t>957.436.081,58</t>
  </si>
  <si>
    <t>162.016.419,32</t>
  </si>
  <si>
    <t>1.707.017.302,68</t>
  </si>
  <si>
    <t>149.624.720,68</t>
  </si>
  <si>
    <t>88</t>
  </si>
  <si>
    <t xml:space="preserve">            INVESTIMENTOS</t>
  </si>
  <si>
    <t>1.378.332.100,00</t>
  </si>
  <si>
    <t>1.533.611.162,00</t>
  </si>
  <si>
    <t>580.040.331,90</t>
  </si>
  <si>
    <t>953.570.830,10</t>
  </si>
  <si>
    <t>112.718.091,55</t>
  </si>
  <si>
    <t>1.420.893.070,45</t>
  </si>
  <si>
    <t>100.327.055,86</t>
  </si>
  <si>
    <t>89</t>
  </si>
  <si>
    <t xml:space="preserve">            INVERSÕES FINANCEIRAS</t>
  </si>
  <si>
    <t>1.605.900,00</t>
  </si>
  <si>
    <t>708.660,00</t>
  </si>
  <si>
    <t>2.760,00</t>
  </si>
  <si>
    <t>705.900,00</t>
  </si>
  <si>
    <t>90</t>
  </si>
  <si>
    <t xml:space="preserve">            AMORTIZAÇÃO DA DÍVIDA</t>
  </si>
  <si>
    <t>462.617.500,00</t>
  </si>
  <si>
    <t>334.713.900,00</t>
  </si>
  <si>
    <t>331.554.548,52</t>
  </si>
  <si>
    <t>3.159.351,48</t>
  </si>
  <si>
    <t>49.295.567,77</t>
  </si>
  <si>
    <t>285.418.332,23</t>
  </si>
  <si>
    <t>49.294.904,82</t>
  </si>
  <si>
    <t>91</t>
  </si>
  <si>
    <t xml:space="preserve">         RESERVA DE CONTINGÊNCIA</t>
  </si>
  <si>
    <t>584.781.300,00</t>
  </si>
  <si>
    <t>489.892.766,00</t>
  </si>
  <si>
    <t>92</t>
  </si>
  <si>
    <t xml:space="preserve">      DESPESAS (INTRA-ORÇAMENTÁRIAS) (IX)</t>
  </si>
  <si>
    <t>1.015.569.700,00</t>
  </si>
  <si>
    <t>1.121.186.445,72</t>
  </si>
  <si>
    <t>508.001.981,80</t>
  </si>
  <si>
    <t>613.184.463,92</t>
  </si>
  <si>
    <t>301.387.582,13</t>
  </si>
  <si>
    <t>819.798.863,59</t>
  </si>
  <si>
    <t>173.984.964,53</t>
  </si>
  <si>
    <t>93</t>
  </si>
  <si>
    <t xml:space="preserve">   SUBTOTAL DAS DESPESAS (X) = (VIII + IX)</t>
  </si>
  <si>
    <t>14.281.193.022,00</t>
  </si>
  <si>
    <t>8.104.461.872,14</t>
  </si>
  <si>
    <t>6.176.731.149,86</t>
  </si>
  <si>
    <t>11.958.802.324,61</t>
  </si>
  <si>
    <t>1.727.027.811,37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Outras Dívidas</t>
  </si>
  <si>
    <t>98</t>
  </si>
  <si>
    <t xml:space="preserve">      Amortização da Dívida Externa</t>
  </si>
  <si>
    <t>99</t>
  </si>
  <si>
    <t>100</t>
  </si>
  <si>
    <t>101</t>
  </si>
  <si>
    <t>SUBTOTAL C/ REFINANCIAMENTO (XII) = (X + XI)</t>
  </si>
  <si>
    <t>102</t>
  </si>
  <si>
    <t>SUPERÁVIT (XIII)</t>
  </si>
  <si>
    <t>103</t>
  </si>
  <si>
    <t>TOTAL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RECEITA TRIBUTÁ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RECEITA DE CONTRIBUIÇÕES</t>
  </si>
  <si>
    <t>1.494.247.100,00</t>
  </si>
  <si>
    <t>102.112.354,93</t>
  </si>
  <si>
    <t>6,83</t>
  </si>
  <si>
    <t>1.392.134.745,07</t>
  </si>
  <si>
    <t>112</t>
  </si>
  <si>
    <t xml:space="preserve">      Contribuições Sociais</t>
  </si>
  <si>
    <t>113</t>
  </si>
  <si>
    <t xml:space="preserve">      Contribuição de Intervenção no Domínio Econômico</t>
  </si>
  <si>
    <t>114</t>
  </si>
  <si>
    <t xml:space="preserve">      Contribuição para o Custeio do Serviço de Iluminação Pública</t>
  </si>
  <si>
    <t>115</t>
  </si>
  <si>
    <t xml:space="preserve">   RECEITA PATRIMONIAL</t>
  </si>
  <si>
    <t>28.100.000,00</t>
  </si>
  <si>
    <t>4.416.715,83</t>
  </si>
  <si>
    <t>15,72</t>
  </si>
  <si>
    <t>23.683.284,17</t>
  </si>
  <si>
    <t>116</t>
  </si>
  <si>
    <t xml:space="preserve">      Receitas Imobiliárias</t>
  </si>
  <si>
    <t>117</t>
  </si>
  <si>
    <t xml:space="preserve">      Receitas de Valores Mobiliários</t>
  </si>
  <si>
    <t>118</t>
  </si>
  <si>
    <t xml:space="preserve">      Receita de Concessões e Permissões</t>
  </si>
  <si>
    <t>119</t>
  </si>
  <si>
    <t xml:space="preserve">      Compensações Financeiras</t>
  </si>
  <si>
    <t>120</t>
  </si>
  <si>
    <t xml:space="preserve">      Receita Decorrente do Direito de Exploração de Bens Públicos em Áreas de Domínio Público</t>
  </si>
  <si>
    <t>121</t>
  </si>
  <si>
    <t xml:space="preserve">      Receita da Cessão de Direitos</t>
  </si>
  <si>
    <t>122</t>
  </si>
  <si>
    <t xml:space="preserve">      Outras Receitas Patrimoniais</t>
  </si>
  <si>
    <t>123</t>
  </si>
  <si>
    <t xml:space="preserve">   RECEITA AGROPECUÁRIA</t>
  </si>
  <si>
    <t>124</t>
  </si>
  <si>
    <t xml:space="preserve">      Receita da Produção Vegetal</t>
  </si>
  <si>
    <t>125</t>
  </si>
  <si>
    <t xml:space="preserve">      Receita da Produção Animal e Derivados</t>
  </si>
  <si>
    <t>126</t>
  </si>
  <si>
    <t xml:space="preserve">      Outras Receitas Agropecuárias</t>
  </si>
  <si>
    <t>127</t>
  </si>
  <si>
    <t xml:space="preserve">   RECEITA INDUSTRIAL</t>
  </si>
  <si>
    <t>128</t>
  </si>
  <si>
    <t xml:space="preserve">      Receita da Indústria Extrativa Mineral</t>
  </si>
  <si>
    <t>129</t>
  </si>
  <si>
    <t xml:space="preserve">      Receita da Indústria de Transformação</t>
  </si>
  <si>
    <t>130</t>
  </si>
  <si>
    <t xml:space="preserve">      Receita da Indústria de Construção</t>
  </si>
  <si>
    <t>131</t>
  </si>
  <si>
    <t xml:space="preserve">      Outras Receitas Industriais</t>
  </si>
  <si>
    <t>132</t>
  </si>
  <si>
    <t xml:space="preserve">   RECEITA DE SERVIÇOS</t>
  </si>
  <si>
    <t>16.300,00</t>
  </si>
  <si>
    <t>133</t>
  </si>
  <si>
    <t xml:space="preserve">   TRANSFERÊNCIAS CORRENTES</t>
  </si>
  <si>
    <t>134</t>
  </si>
  <si>
    <t xml:space="preserve">      Transferências Intergovernamentais</t>
  </si>
  <si>
    <t>135</t>
  </si>
  <si>
    <t xml:space="preserve">      Transferências de Instituições Privadas</t>
  </si>
  <si>
    <t>136</t>
  </si>
  <si>
    <t xml:space="preserve">      Transferências do Exterior</t>
  </si>
  <si>
    <t>137</t>
  </si>
  <si>
    <t xml:space="preserve">      Transferências de Pessoas</t>
  </si>
  <si>
    <t>138</t>
  </si>
  <si>
    <t xml:space="preserve">      Transferências de Convênios</t>
  </si>
  <si>
    <t>139</t>
  </si>
  <si>
    <t xml:space="preserve">      Transferências para o Combate à Fome</t>
  </si>
  <si>
    <t>140</t>
  </si>
  <si>
    <t xml:space="preserve">   OUTRAS RECEITAS CORRENTES</t>
  </si>
  <si>
    <t>904.561.300,00</t>
  </si>
  <si>
    <t>40.828.808,16</t>
  </si>
  <si>
    <t>4,51</t>
  </si>
  <si>
    <t>863.732.491,84</t>
  </si>
  <si>
    <t>141</t>
  </si>
  <si>
    <t xml:space="preserve">      Multas e Juros de Mora</t>
  </si>
  <si>
    <t>12.200,00</t>
  </si>
  <si>
    <t>142</t>
  </si>
  <si>
    <t xml:space="preserve">      Indenizações e Restituições</t>
  </si>
  <si>
    <t>143</t>
  </si>
  <si>
    <t xml:space="preserve">      Receita da Dívida Ativa</t>
  </si>
  <si>
    <t>144</t>
  </si>
  <si>
    <t xml:space="preserve">      Receita Decorrentes de Aportes Periódicos para Amortização de Déficit Atuarial do RPPS</t>
  </si>
  <si>
    <t>145</t>
  </si>
  <si>
    <t xml:space="preserve">      Receitas Correntes Diversas</t>
  </si>
  <si>
    <t>904.549.100,00</t>
  </si>
  <si>
    <t>863.720.291,84</t>
  </si>
  <si>
    <t>146</t>
  </si>
  <si>
    <t>RECEITAS DE CAPITAL</t>
  </si>
  <si>
    <t>147</t>
  </si>
  <si>
    <t xml:space="preserve">   OPERAÇÕES DE CRÉDITO</t>
  </si>
  <si>
    <t>148</t>
  </si>
  <si>
    <t>149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AMORTIZAÇÕES DE EMPRÉSTIMOS</t>
  </si>
  <si>
    <t>154</t>
  </si>
  <si>
    <t xml:space="preserve">   TRANSFERÊNCIAS DE CAPITAL</t>
  </si>
  <si>
    <t>155</t>
  </si>
  <si>
    <t>156</t>
  </si>
  <si>
    <t>157</t>
  </si>
  <si>
    <t>158</t>
  </si>
  <si>
    <t>159</t>
  </si>
  <si>
    <t xml:space="preserve">      Transferências de Outras Instituições Públicas</t>
  </si>
  <si>
    <t>160</t>
  </si>
  <si>
    <t>161</t>
  </si>
  <si>
    <t>162</t>
  </si>
  <si>
    <t xml:space="preserve">   OUTRAS RECEITAS DE CAPITAL</t>
  </si>
  <si>
    <t>163</t>
  </si>
  <si>
    <t xml:space="preserve">      Integralização do Capital Social</t>
  </si>
  <si>
    <t>164</t>
  </si>
  <si>
    <t xml:space="preserve">      Dív. Atv. Prov. da Amortiz. de Emp. e Financ.</t>
  </si>
  <si>
    <t>165</t>
  </si>
  <si>
    <t xml:space="preserve">      Receita Auferida por Detentores de Títulos do Tesouro Nacional Resgatados</t>
  </si>
  <si>
    <t>166</t>
  </si>
  <si>
    <t xml:space="preserve">      Receitas de Alienação de Certificados de Potencial Adicional de Construção-CEPAC</t>
  </si>
  <si>
    <t>167</t>
  </si>
  <si>
    <t xml:space="preserve">      Outras Receitas de Capital</t>
  </si>
  <si>
    <t>DESPESAS (INTRA-ORÇAMENTÁRIAS)</t>
  </si>
  <si>
    <t>168</t>
  </si>
  <si>
    <t>DESPESAS (INTRA-ORÇAMENTÁRIAS) (IX)</t>
  </si>
  <si>
    <t>169</t>
  </si>
  <si>
    <t>DESPESAS CORRENTES</t>
  </si>
  <si>
    <t>170</t>
  </si>
  <si>
    <t xml:space="preserve">   PESSOAL E ENCARGOS SOCIAIS</t>
  </si>
  <si>
    <t>655.175.200,00</t>
  </si>
  <si>
    <t>765.775.404,92</t>
  </si>
  <si>
    <t>338.428.199,25</t>
  </si>
  <si>
    <t>427.347.205,67</t>
  </si>
  <si>
    <t>198.536.657,66</t>
  </si>
  <si>
    <t>567.238.747,26</t>
  </si>
  <si>
    <t>113.455.373,85</t>
  </si>
  <si>
    <t>171</t>
  </si>
  <si>
    <t xml:space="preserve">   JUROS E ENCARGOS DA DÍVIDA</t>
  </si>
  <si>
    <t>172</t>
  </si>
  <si>
    <t xml:space="preserve">   OUTRAS DESPESAS CORRENTES</t>
  </si>
  <si>
    <t>360.394.500,00</t>
  </si>
  <si>
    <t>355.411.040,80</t>
  </si>
  <si>
    <t>169.573.782,55</t>
  </si>
  <si>
    <t>185.837.258,25</t>
  </si>
  <si>
    <t>102.850.924,47</t>
  </si>
  <si>
    <t>252.560.116,33</t>
  </si>
  <si>
    <t>60.529.590,68</t>
  </si>
  <si>
    <t>173</t>
  </si>
  <si>
    <t>DESPESAS DE CAPITAL</t>
  </si>
  <si>
    <t>174</t>
  </si>
  <si>
    <t xml:space="preserve">   INVESTIMENTOS</t>
  </si>
  <si>
    <t>175</t>
  </si>
  <si>
    <t xml:space="preserve">   INVERSÕES FINANCEIRAS</t>
  </si>
  <si>
    <t>176</t>
  </si>
  <si>
    <t xml:space="preserve">   AMORTIZAÇÃO DA DÍVIDA</t>
  </si>
  <si>
    <t>Anexo 2 -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>93,73</t>
  </si>
  <si>
    <t>87,02</t>
  </si>
  <si>
    <t>01 - LEGISLATIVA</t>
  </si>
  <si>
    <t>413.585.600,00</t>
  </si>
  <si>
    <t>407.405.600,00</t>
  </si>
  <si>
    <t>169.957.395,71</t>
  </si>
  <si>
    <t>2,10</t>
  </si>
  <si>
    <t>237.448.204,29</t>
  </si>
  <si>
    <t>54.826.376,30</t>
  </si>
  <si>
    <t>2,36</t>
  </si>
  <si>
    <t>352.579.223,70</t>
  </si>
  <si>
    <t xml:space="preserve">   031 - AÇÃO LEGISLATIVA</t>
  </si>
  <si>
    <t>234.620.000,00</t>
  </si>
  <si>
    <t>228.440.000,00</t>
  </si>
  <si>
    <t>43.089.384,18</t>
  </si>
  <si>
    <t>0,53</t>
  </si>
  <si>
    <t>185.350.615,82</t>
  </si>
  <si>
    <t>26.304.534,16</t>
  </si>
  <si>
    <t>1,13</t>
  </si>
  <si>
    <t>202.135.465,84</t>
  </si>
  <si>
    <t xml:space="preserve">   032 - CONTROLE EXTERNO</t>
  </si>
  <si>
    <t>178.965.600,00</t>
  </si>
  <si>
    <t>126.868.011,53</t>
  </si>
  <si>
    <t>1,57</t>
  </si>
  <si>
    <t>52.097.588,47</t>
  </si>
  <si>
    <t>28.521.842,14</t>
  </si>
  <si>
    <t>1,23</t>
  </si>
  <si>
    <t>150.443.757,86</t>
  </si>
  <si>
    <t>02 - JUDICIÁRIA</t>
  </si>
  <si>
    <t>733.127.500,00</t>
  </si>
  <si>
    <t>760.772.500,00</t>
  </si>
  <si>
    <t>623.676.801,06</t>
  </si>
  <si>
    <t>7,70</t>
  </si>
  <si>
    <t>137.095.698,94</t>
  </si>
  <si>
    <t>147.933.009,49</t>
  </si>
  <si>
    <t>6,37</t>
  </si>
  <si>
    <t>612.839.490,51</t>
  </si>
  <si>
    <t xml:space="preserve">   061 - AÇÃO JUDICIÁRIA</t>
  </si>
  <si>
    <t xml:space="preserve">   126 - TECNOLOGIA DA INFORMAÇÃO</t>
  </si>
  <si>
    <t xml:space="preserve">   128 - FORMAÇÃO DE RECURSOS HUMANOS</t>
  </si>
  <si>
    <t>03 - ESSENCIAL A JUSTIÇA</t>
  </si>
  <si>
    <t>600.812.400,00</t>
  </si>
  <si>
    <t>599.052.400,00</t>
  </si>
  <si>
    <t>133.393.892,40</t>
  </si>
  <si>
    <t>1,65</t>
  </si>
  <si>
    <t>465.658.507,60</t>
  </si>
  <si>
    <t>73.883.363,72</t>
  </si>
  <si>
    <t>3,18</t>
  </si>
  <si>
    <t>525.169.036,28</t>
  </si>
  <si>
    <t xml:space="preserve">   091 - DEFESA DA ORDEM JURIDICA</t>
  </si>
  <si>
    <t>351.901.600,00</t>
  </si>
  <si>
    <t>45.105.068,17</t>
  </si>
  <si>
    <t>0,56</t>
  </si>
  <si>
    <t>306.796.531,83</t>
  </si>
  <si>
    <t>38.250.114,39</t>
  </si>
  <si>
    <t>313.651.485,61</t>
  </si>
  <si>
    <t xml:space="preserve">   092 - REPRESENTAÇÃO JUDICIAL E EXTRAJUDICIAL</t>
  </si>
  <si>
    <t>91.798.500,00</t>
  </si>
  <si>
    <t>90.252.500,00</t>
  </si>
  <si>
    <t>52.265.680,56</t>
  </si>
  <si>
    <t>0,64</t>
  </si>
  <si>
    <t>37.986.819,44</t>
  </si>
  <si>
    <t>11.409.422,09</t>
  </si>
  <si>
    <t>0,49</t>
  </si>
  <si>
    <t>78.843.077,91</t>
  </si>
  <si>
    <t xml:space="preserve">   122 - ADMINISTRAÇÃO GERAL</t>
  </si>
  <si>
    <t>350.400,00</t>
  </si>
  <si>
    <t>171.924,75</t>
  </si>
  <si>
    <t>178.475,25</t>
  </si>
  <si>
    <t>600,00</t>
  </si>
  <si>
    <t>349.800,00</t>
  </si>
  <si>
    <t>21.505.400,00</t>
  </si>
  <si>
    <t>21.291.400,00</t>
  </si>
  <si>
    <t>13.392.866,15</t>
  </si>
  <si>
    <t>0,17</t>
  </si>
  <si>
    <t>7.898.533,85</t>
  </si>
  <si>
    <t>1.976.254,89</t>
  </si>
  <si>
    <t>0,09</t>
  </si>
  <si>
    <t>19.315.145,11</t>
  </si>
  <si>
    <t xml:space="preserve">   422 - DIREITOS INDIVIDUAIS, COLETIVOS E DIFUSOS</t>
  </si>
  <si>
    <t>135.256.500,00</t>
  </si>
  <si>
    <t>22.458.352,77</t>
  </si>
  <si>
    <t>0,28</t>
  </si>
  <si>
    <t>112.798.147,23</t>
  </si>
  <si>
    <t>22.246.972,35</t>
  </si>
  <si>
    <t>0,96</t>
  </si>
  <si>
    <t>113.009.527,65</t>
  </si>
  <si>
    <t>04 - ADMINISTRAÇÃO</t>
  </si>
  <si>
    <t>896.067.200,00</t>
  </si>
  <si>
    <t>806.688.124,00</t>
  </si>
  <si>
    <t>536.735.838,28</t>
  </si>
  <si>
    <t>6,62</t>
  </si>
  <si>
    <t>269.952.285,72</t>
  </si>
  <si>
    <t>152.854.681,73</t>
  </si>
  <si>
    <t>6,58</t>
  </si>
  <si>
    <t>653.833.442,27</t>
  </si>
  <si>
    <t>346.893.100,00</t>
  </si>
  <si>
    <t>346.864.111,19</t>
  </si>
  <si>
    <t>133.892.805,10</t>
  </si>
  <si>
    <t>212.971.306,09</t>
  </si>
  <si>
    <t>40.180.423,07</t>
  </si>
  <si>
    <t>1,73</t>
  </si>
  <si>
    <t>306.683.688,12</t>
  </si>
  <si>
    <t xml:space="preserve">   123 - ADMINISTRAÇÃO FINANCEIRA</t>
  </si>
  <si>
    <t>542.068.500,00</t>
  </si>
  <si>
    <t>452.693.200,81</t>
  </si>
  <si>
    <t>402.822.092,30</t>
  </si>
  <si>
    <t>4,97</t>
  </si>
  <si>
    <t>49.871.108,51</t>
  </si>
  <si>
    <t>112.673.741,05</t>
  </si>
  <si>
    <t>4,85</t>
  </si>
  <si>
    <t>340.019.459,76</t>
  </si>
  <si>
    <t xml:space="preserve">   124 - CONTROLE INTERNO</t>
  </si>
  <si>
    <t>7.000.000,00</t>
  </si>
  <si>
    <t xml:space="preserve">   663 - MINERAÇÃO</t>
  </si>
  <si>
    <t>105.600,00</t>
  </si>
  <si>
    <t>130.812,00</t>
  </si>
  <si>
    <t>20.940,88</t>
  </si>
  <si>
    <t>109.871,12</t>
  </si>
  <si>
    <t>517,61</t>
  </si>
  <si>
    <t>130.294,39</t>
  </si>
  <si>
    <t>06 - SEGURANÇA PUBLICA</t>
  </si>
  <si>
    <t>1.716.996.700,00</t>
  </si>
  <si>
    <t>1.822.926.988,00</t>
  </si>
  <si>
    <t>1.350.788.724,08</t>
  </si>
  <si>
    <t>16,67</t>
  </si>
  <si>
    <t>472.138.263,92</t>
  </si>
  <si>
    <t>237.204.202,36</t>
  </si>
  <si>
    <t>10,21</t>
  </si>
  <si>
    <t>1.585.722.785,64</t>
  </si>
  <si>
    <t xml:space="preserve">   181 - POLICIAMENTO</t>
  </si>
  <si>
    <t>1.716.128.700,00</t>
  </si>
  <si>
    <t>1.816.353.988,00</t>
  </si>
  <si>
    <t>1.349.326.882,16</t>
  </si>
  <si>
    <t>16,65</t>
  </si>
  <si>
    <t>467.027.105,84</t>
  </si>
  <si>
    <t>1.579.149.785,64</t>
  </si>
  <si>
    <t xml:space="preserve">   182 - DEFESA CIVIL</t>
  </si>
  <si>
    <t>868.000,00</t>
  </si>
  <si>
    <t>6.573.000,00</t>
  </si>
  <si>
    <t>1.461.841,92</t>
  </si>
  <si>
    <t>0,02</t>
  </si>
  <si>
    <t>5.111.158,08</t>
  </si>
  <si>
    <t xml:space="preserve">   183 - INFORMAÇÃO E INTELIGÊNCIA</t>
  </si>
  <si>
    <t>08 - ASSISTÊNCIA SOCIAL</t>
  </si>
  <si>
    <t>223.643.800,00</t>
  </si>
  <si>
    <t>217.614.513,00</t>
  </si>
  <si>
    <t>142.349.705,98</t>
  </si>
  <si>
    <t>1,76</t>
  </si>
  <si>
    <t>75.264.807,02</t>
  </si>
  <si>
    <t>27.431.009,13</t>
  </si>
  <si>
    <t>1,18</t>
  </si>
  <si>
    <t>190.183.503,87</t>
  </si>
  <si>
    <t xml:space="preserve">   243 - ASSISTÊNCIA A CRIANÇA E AO ADOLESCENTE</t>
  </si>
  <si>
    <t>399.100,00</t>
  </si>
  <si>
    <t xml:space="preserve">   244 - ASSISTÊNCIA COMUNITÁRIA</t>
  </si>
  <si>
    <t>188.650.700,00</t>
  </si>
  <si>
    <t>189.490.413,00</t>
  </si>
  <si>
    <t>139.082.950,06</t>
  </si>
  <si>
    <t>1,72</t>
  </si>
  <si>
    <t>50.407.462,94</t>
  </si>
  <si>
    <t>25.824.527,36</t>
  </si>
  <si>
    <t>1,11</t>
  </si>
  <si>
    <t>163.665.885,64</t>
  </si>
  <si>
    <t xml:space="preserve">   364 - ENSINO SUPERIOR</t>
  </si>
  <si>
    <t>34.056.000,00</t>
  </si>
  <si>
    <t>27.187.000,00</t>
  </si>
  <si>
    <t>3.266.755,92</t>
  </si>
  <si>
    <t>0,04</t>
  </si>
  <si>
    <t>23.920.244,08</t>
  </si>
  <si>
    <t>1.606.481,77</t>
  </si>
  <si>
    <t>0,07</t>
  </si>
  <si>
    <t>25.580.518,23</t>
  </si>
  <si>
    <t>538.000,00</t>
  </si>
  <si>
    <t>09 - PREVIDÊNCIA SOCIAL</t>
  </si>
  <si>
    <t>2.429.029.400,00</t>
  </si>
  <si>
    <t>2.510.668.520,00</t>
  </si>
  <si>
    <t>1.754.918.342,56</t>
  </si>
  <si>
    <t>21,65</t>
  </si>
  <si>
    <t>755.750.177,44</t>
  </si>
  <si>
    <t>558.150.453,49</t>
  </si>
  <si>
    <t>24,03</t>
  </si>
  <si>
    <t>1.952.518.066,51</t>
  </si>
  <si>
    <t xml:space="preserve">   272 - PREVIDÊNCIA DO REGIME ESTATUTÁRIO</t>
  </si>
  <si>
    <t>10 - SAÚDE</t>
  </si>
  <si>
    <t>1.262.192.900,00</t>
  </si>
  <si>
    <t>1.406.180.173,02</t>
  </si>
  <si>
    <t>749.788.580,31</t>
  </si>
  <si>
    <t>9,25</t>
  </si>
  <si>
    <t>656.391.592,71</t>
  </si>
  <si>
    <t>107.102.211,02</t>
  </si>
  <si>
    <t>4,61</t>
  </si>
  <si>
    <t>1.299.077.962,00</t>
  </si>
  <si>
    <t xml:space="preserve">   121 - PLANEJAMENTO E ORÇAMENTO</t>
  </si>
  <si>
    <t>624.500,00</t>
  </si>
  <si>
    <t>2.598.839,84</t>
  </si>
  <si>
    <t>2.008.965,85</t>
  </si>
  <si>
    <t>589.873,99</t>
  </si>
  <si>
    <t>165.796,60</t>
  </si>
  <si>
    <t>0,01</t>
  </si>
  <si>
    <t>2.433.043,24</t>
  </si>
  <si>
    <t>209.786.200,00</t>
  </si>
  <si>
    <t>360.158.460,16</t>
  </si>
  <si>
    <t>273.026.401,21</t>
  </si>
  <si>
    <t>3,37</t>
  </si>
  <si>
    <t>87.132.058,95</t>
  </si>
  <si>
    <t>46.130.822,24</t>
  </si>
  <si>
    <t>1,99</t>
  </si>
  <si>
    <t>314.027.637,92</t>
  </si>
  <si>
    <t>881.500,00</t>
  </si>
  <si>
    <t>1.643.500,00</t>
  </si>
  <si>
    <t>808.786,60</t>
  </si>
  <si>
    <t>834.713,40</t>
  </si>
  <si>
    <t>13.867,09</t>
  </si>
  <si>
    <t>1.629.632,91</t>
  </si>
  <si>
    <t>5.850.500,00</t>
  </si>
  <si>
    <t>2.465.001,80</t>
  </si>
  <si>
    <t>0,03</t>
  </si>
  <si>
    <t>3.385.498,20</t>
  </si>
  <si>
    <t>20.219,11</t>
  </si>
  <si>
    <t>5.830.280,89</t>
  </si>
  <si>
    <t>261.000,00</t>
  </si>
  <si>
    <t xml:space="preserve">   301 - ATENÇÃO BÁSICA</t>
  </si>
  <si>
    <t>66.820.500,00</t>
  </si>
  <si>
    <t>63.572.700,00</t>
  </si>
  <si>
    <t>56.474.863,12</t>
  </si>
  <si>
    <t>0,70</t>
  </si>
  <si>
    <t>7.097.836,88</t>
  </si>
  <si>
    <t>678,12</t>
  </si>
  <si>
    <t>63.572.021,88</t>
  </si>
  <si>
    <t xml:space="preserve">   302 - ASSISTÊNCIA HOSPITALAR E AMBULATORIAL</t>
  </si>
  <si>
    <t>843.626.100,00</t>
  </si>
  <si>
    <t>839.272.373,02</t>
  </si>
  <si>
    <t>371.294.843,65</t>
  </si>
  <si>
    <t>4,58</t>
  </si>
  <si>
    <t>467.977.529,37</t>
  </si>
  <si>
    <t>55.629.366,92</t>
  </si>
  <si>
    <t>2,40</t>
  </si>
  <si>
    <t>783.643.006,10</t>
  </si>
  <si>
    <t xml:space="preserve">   303 - SUPORTE PROFILÁTICO E TERAPÊUTICO</t>
  </si>
  <si>
    <t>85.528.700,00</t>
  </si>
  <si>
    <t>74.383.700,00</t>
  </si>
  <si>
    <t>18.251.163,83</t>
  </si>
  <si>
    <t>0,23</t>
  </si>
  <si>
    <t>56.132.536,17</t>
  </si>
  <si>
    <t>270.726,65</t>
  </si>
  <si>
    <t>74.112.973,35</t>
  </si>
  <si>
    <t xml:space="preserve">   304 - VIGILÂNCIA SANITÁRIA</t>
  </si>
  <si>
    <t>2.179.900,00</t>
  </si>
  <si>
    <t>36.954,76</t>
  </si>
  <si>
    <t>2.142.945,24</t>
  </si>
  <si>
    <t>2.000,00</t>
  </si>
  <si>
    <t>2.177.900,00</t>
  </si>
  <si>
    <t xml:space="preserve">   305 - VIGILÂNCIA EPIDEMIOLÓGICA</t>
  </si>
  <si>
    <t>14.047.300,00</t>
  </si>
  <si>
    <t>13.567.300,00</t>
  </si>
  <si>
    <t>2.701.999,03</t>
  </si>
  <si>
    <t>10.865.300,97</t>
  </si>
  <si>
    <t>116.700,05</t>
  </si>
  <si>
    <t>13.450.599,95</t>
  </si>
  <si>
    <t xml:space="preserve">   306 - ALIMENTAÇÃO E NUTRIÇÃO</t>
  </si>
  <si>
    <t>19.947.000,00</t>
  </si>
  <si>
    <t>25.012.200,00</t>
  </si>
  <si>
    <t>14.778.541,67</t>
  </si>
  <si>
    <t>0,18</t>
  </si>
  <si>
    <t>10.233.658,33</t>
  </si>
  <si>
    <t>3.968.075,81</t>
  </si>
  <si>
    <t>21.044.124,19</t>
  </si>
  <si>
    <t xml:space="preserve">   331 - PROTEÇÃO E BENEFÍCIOS AO TRABALHADOR</t>
  </si>
  <si>
    <t>1.682.100,00</t>
  </si>
  <si>
    <t>1.722.100,00</t>
  </si>
  <si>
    <t>83.543,31</t>
  </si>
  <si>
    <t>1.638.556,69</t>
  </si>
  <si>
    <t>504,00</t>
  </si>
  <si>
    <t>1.721.596,00</t>
  </si>
  <si>
    <t xml:space="preserve">   363 - ENSINO PROFISSIONAL</t>
  </si>
  <si>
    <t>1.017.200,00</t>
  </si>
  <si>
    <t>150.905,00</t>
  </si>
  <si>
    <t>866.295,00</t>
  </si>
  <si>
    <t>11.499,38</t>
  </si>
  <si>
    <t>1.005.700,62</t>
  </si>
  <si>
    <t xml:space="preserve">   511 - SANEAMENTO BÁSICO RURAL</t>
  </si>
  <si>
    <t>3.169.400,00</t>
  </si>
  <si>
    <t>8.169.400,00</t>
  </si>
  <si>
    <t>3.828.387,69</t>
  </si>
  <si>
    <t>0,05</t>
  </si>
  <si>
    <t>4.341.012,31</t>
  </si>
  <si>
    <t>360.040,27</t>
  </si>
  <si>
    <t>7.809.359,73</t>
  </si>
  <si>
    <t xml:space="preserve">   572 - DESENVOLVIMENTO TECNOLÓGICO E ENGENHARIA</t>
  </si>
  <si>
    <t>3.109.000,00</t>
  </si>
  <si>
    <t>251.896,00</t>
  </si>
  <si>
    <t>2.857.104,00</t>
  </si>
  <si>
    <t>17.252,00</t>
  </si>
  <si>
    <t>3.091.748,00</t>
  </si>
  <si>
    <t xml:space="preserve">   843 - SERVICO DA DIVIDA INTERNA</t>
  </si>
  <si>
    <t>3.662.000,00</t>
  </si>
  <si>
    <t>3.626.326,79</t>
  </si>
  <si>
    <t>35.673,21</t>
  </si>
  <si>
    <t>394.662,78</t>
  </si>
  <si>
    <t>3.267.337,22</t>
  </si>
  <si>
    <t>11 - TRABALHO</t>
  </si>
  <si>
    <t>18.513.700,00</t>
  </si>
  <si>
    <t>18.440.550,00</t>
  </si>
  <si>
    <t>4.032.049,15</t>
  </si>
  <si>
    <t>14.408.500,85</t>
  </si>
  <si>
    <t>1.621.786,43</t>
  </si>
  <si>
    <t>16.818.763,57</t>
  </si>
  <si>
    <t>7.609.900,00</t>
  </si>
  <si>
    <t>7.483.350,00</t>
  </si>
  <si>
    <t>3.353.492,93</t>
  </si>
  <si>
    <t>4.129.857,07</t>
  </si>
  <si>
    <t>1.499.068,39</t>
  </si>
  <si>
    <t>0,06</t>
  </si>
  <si>
    <t>5.984.281,61</t>
  </si>
  <si>
    <t xml:space="preserve">   334 - FOMENTO AO TRABALHO</t>
  </si>
  <si>
    <t>10.903.800,00</t>
  </si>
  <si>
    <t>10.957.200,00</t>
  </si>
  <si>
    <t>678.556,22</t>
  </si>
  <si>
    <t>10.278.643,78</t>
  </si>
  <si>
    <t>122.718,04</t>
  </si>
  <si>
    <t>10.834.481,96</t>
  </si>
  <si>
    <t>12 - EDUCAÇÃO</t>
  </si>
  <si>
    <t>1.480.119.800,00</t>
  </si>
  <si>
    <t>1.452.096.005,69</t>
  </si>
  <si>
    <t>483.390.153,83</t>
  </si>
  <si>
    <t>5,96</t>
  </si>
  <si>
    <t>968.705.851,86</t>
  </si>
  <si>
    <t>287.417.097,41</t>
  </si>
  <si>
    <t>12,38</t>
  </si>
  <si>
    <t>1.164.678.908,28</t>
  </si>
  <si>
    <t>1.207.195.400,00</t>
  </si>
  <si>
    <t>1.192.798.385,69</t>
  </si>
  <si>
    <t>441.347.334,85</t>
  </si>
  <si>
    <t>5,45</t>
  </si>
  <si>
    <t>751.451.050,84</t>
  </si>
  <si>
    <t>279.842.603,55</t>
  </si>
  <si>
    <t>12,05</t>
  </si>
  <si>
    <t>912.955.782,14</t>
  </si>
  <si>
    <t xml:space="preserve">   361 - ENSINO FUNDAMENTAL</t>
  </si>
  <si>
    <t>20.703.200,00</t>
  </si>
  <si>
    <t>12.613.200,00</t>
  </si>
  <si>
    <t>2.021.876,00</t>
  </si>
  <si>
    <t>10.591.324,00</t>
  </si>
  <si>
    <t>722.751,30</t>
  </si>
  <si>
    <t>11.890.448,70</t>
  </si>
  <si>
    <t xml:space="preserve">   362 - ENSINO MÉDIO</t>
  </si>
  <si>
    <t>19.019.400,00</t>
  </si>
  <si>
    <t>16.929.820,00</t>
  </si>
  <si>
    <t>6.606.920,00</t>
  </si>
  <si>
    <t>0,08</t>
  </si>
  <si>
    <t>10.322.900,00</t>
  </si>
  <si>
    <t>1.117.920,00</t>
  </si>
  <si>
    <t>15.811.900,00</t>
  </si>
  <si>
    <t>25.911.100,00</t>
  </si>
  <si>
    <t>6.785.619,35</t>
  </si>
  <si>
    <t>19.125.480,65</t>
  </si>
  <si>
    <t>212.625,10</t>
  </si>
  <si>
    <t>25.698.474,90</t>
  </si>
  <si>
    <t>29.435.400,00</t>
  </si>
  <si>
    <t>29.407.600,00</t>
  </si>
  <si>
    <t>1.204.685,12</t>
  </si>
  <si>
    <t>28.202.914,88</t>
  </si>
  <si>
    <t>416.388,73</t>
  </si>
  <si>
    <t>28.991.211,27</t>
  </si>
  <si>
    <t xml:space="preserve">   365 - EDUCAÇÃO INFANTIL</t>
  </si>
  <si>
    <t>108.400,00</t>
  </si>
  <si>
    <t xml:space="preserve">   366 - EDUCAÇÃO DE JOVENS E ADULTOS</t>
  </si>
  <si>
    <t>6.418.600,00</t>
  </si>
  <si>
    <t>52.524,84</t>
  </si>
  <si>
    <t>6.366.075,16</t>
  </si>
  <si>
    <t>52.523,84</t>
  </si>
  <si>
    <t>6.366.076,16</t>
  </si>
  <si>
    <t xml:space="preserve">   367 - EDUCAÇÃO ESPECIAL</t>
  </si>
  <si>
    <t>12.162.600,00</t>
  </si>
  <si>
    <t>7.103,69</t>
  </si>
  <si>
    <t>12.155.496,31</t>
  </si>
  <si>
    <t>5.103,69</t>
  </si>
  <si>
    <t>12.157.496,31</t>
  </si>
  <si>
    <t xml:space="preserve">   368 - EDUCAÇÃO BÁSICA</t>
  </si>
  <si>
    <t>152.381.600,00</t>
  </si>
  <si>
    <t>148.859.600,00</t>
  </si>
  <si>
    <t>24.461.065,60</t>
  </si>
  <si>
    <t>0,30</t>
  </si>
  <si>
    <t>124.398.534,40</t>
  </si>
  <si>
    <t>4.843.837,28</t>
  </si>
  <si>
    <t>0,21</t>
  </si>
  <si>
    <t>144.015.762,72</t>
  </si>
  <si>
    <t xml:space="preserve">   571 - DESENVOLVIMENTO CIENTIFICO</t>
  </si>
  <si>
    <t>6.784.100,00</t>
  </si>
  <si>
    <t>6.886.700,00</t>
  </si>
  <si>
    <t>903.024,38</t>
  </si>
  <si>
    <t>5.983.675,62</t>
  </si>
  <si>
    <t>203.343,92</t>
  </si>
  <si>
    <t>6.683.356,08</t>
  </si>
  <si>
    <t xml:space="preserve">   573 - DIFUSÃO DO CONHECIMENTO CIENTIFICO E TECNOLÓGICO</t>
  </si>
  <si>
    <t>13 - CULTURA</t>
  </si>
  <si>
    <t>49.896.100,00</t>
  </si>
  <si>
    <t>9.199.623,71</t>
  </si>
  <si>
    <t>0,11</t>
  </si>
  <si>
    <t>40.696.476,29</t>
  </si>
  <si>
    <t>2.957.377,90</t>
  </si>
  <si>
    <t>0,13</t>
  </si>
  <si>
    <t>46.938.722,10</t>
  </si>
  <si>
    <t xml:space="preserve">   392 - DIFUSÃO CULTURAL</t>
  </si>
  <si>
    <t>49.895.900,00</t>
  </si>
  <si>
    <t>40.696.276,29</t>
  </si>
  <si>
    <t>46.938.522,10</t>
  </si>
  <si>
    <t xml:space="preserve">   695 - TURISMO</t>
  </si>
  <si>
    <t>200,00</t>
  </si>
  <si>
    <t>14 - DIREITOS DA CIDADANIA</t>
  </si>
  <si>
    <t>260.083.200,00</t>
  </si>
  <si>
    <t>261.327.641,41</t>
  </si>
  <si>
    <t>184.403.207,14</t>
  </si>
  <si>
    <t>2,28</t>
  </si>
  <si>
    <t>76.924.434,27</t>
  </si>
  <si>
    <t>48.723.783,76</t>
  </si>
  <si>
    <t>212.603.857,65</t>
  </si>
  <si>
    <t xml:space="preserve">   130 - ADMINISTRAÇÃO DE CONCESSÕES</t>
  </si>
  <si>
    <t>9.460.500,00</t>
  </si>
  <si>
    <t>9.710.888,41</t>
  </si>
  <si>
    <t>7.485.101,60</t>
  </si>
  <si>
    <t>2.225.786,81</t>
  </si>
  <si>
    <t>1.888.204,28</t>
  </si>
  <si>
    <t>7.822.684,13</t>
  </si>
  <si>
    <t xml:space="preserve">   421 - CUSTODIA E REINTEGRAÇÃO SOCIAL</t>
  </si>
  <si>
    <t>246.466.200,00</t>
  </si>
  <si>
    <t>247.429.473,00</t>
  </si>
  <si>
    <t>176.646.115,63</t>
  </si>
  <si>
    <t>2,18</t>
  </si>
  <si>
    <t>70.783.357,37</t>
  </si>
  <si>
    <t>46.786.531,89</t>
  </si>
  <si>
    <t>2,01</t>
  </si>
  <si>
    <t>200.642.941,11</t>
  </si>
  <si>
    <t>3.860.100,00</t>
  </si>
  <si>
    <t>3.890.880,00</t>
  </si>
  <si>
    <t>271.989,91</t>
  </si>
  <si>
    <t>3.618.890,09</t>
  </si>
  <si>
    <t>49.047,59</t>
  </si>
  <si>
    <t>3.841.832,41</t>
  </si>
  <si>
    <t xml:space="preserve">   423 - ASSISTÊNCIA AOS POVOS INDÍGENAS</t>
  </si>
  <si>
    <t>296.400,00</t>
  </si>
  <si>
    <t>15 - URBANISMO</t>
  </si>
  <si>
    <t>41.829.400,00</t>
  </si>
  <si>
    <t>42.444.400,00</t>
  </si>
  <si>
    <t>126.340,64</t>
  </si>
  <si>
    <t>42.318.059,36</t>
  </si>
  <si>
    <t>46.340,64</t>
  </si>
  <si>
    <t>42.398.059,36</t>
  </si>
  <si>
    <t xml:space="preserve">   451 - INFRAESTRUTURA URBANA</t>
  </si>
  <si>
    <t>16 - HABITAÇÃO</t>
  </si>
  <si>
    <t>66.714.800,00</t>
  </si>
  <si>
    <t>67.714.800,00</t>
  </si>
  <si>
    <t>28.126.130,98</t>
  </si>
  <si>
    <t>0,35</t>
  </si>
  <si>
    <t>39.588.669,02</t>
  </si>
  <si>
    <t>4.057.906,40</t>
  </si>
  <si>
    <t>63.656.893,60</t>
  </si>
  <si>
    <t>13.306.300,00</t>
  </si>
  <si>
    <t>9.585.791,45</t>
  </si>
  <si>
    <t>0,12</t>
  </si>
  <si>
    <t>3.720.508,55</t>
  </si>
  <si>
    <t>2.715.651,79</t>
  </si>
  <si>
    <t>10.590.648,21</t>
  </si>
  <si>
    <t>1.000,00</t>
  </si>
  <si>
    <t xml:space="preserve">   482 - HABITAÇÃO URBANA</t>
  </si>
  <si>
    <t>53.407.500,00</t>
  </si>
  <si>
    <t>54.407.500,00</t>
  </si>
  <si>
    <t>18.540.339,53</t>
  </si>
  <si>
    <t>35.867.160,47</t>
  </si>
  <si>
    <t>1.342.254,61</t>
  </si>
  <si>
    <t>53.065.245,39</t>
  </si>
  <si>
    <t>17 - SANEAMENTO</t>
  </si>
  <si>
    <t>144.139.400,00</t>
  </si>
  <si>
    <t>144.785.400,00</t>
  </si>
  <si>
    <t>19.583.949,14</t>
  </si>
  <si>
    <t>0,24</t>
  </si>
  <si>
    <t>125.201.450,86</t>
  </si>
  <si>
    <t>2.191.777,72</t>
  </si>
  <si>
    <t>142.593.622,28</t>
  </si>
  <si>
    <t xml:space="preserve">   512 - SANEAMENTO BÁSICO URBANO</t>
  </si>
  <si>
    <t>18 - GESTÃO AMBIENTAL</t>
  </si>
  <si>
    <t>91.259.400,00</t>
  </si>
  <si>
    <t>92.065.500,00</t>
  </si>
  <si>
    <t>13.233.714,03</t>
  </si>
  <si>
    <t>0,16</t>
  </si>
  <si>
    <t>78.831.785,97</t>
  </si>
  <si>
    <t>7.215.778,09</t>
  </si>
  <si>
    <t>0,31</t>
  </si>
  <si>
    <t>84.849.721,91</t>
  </si>
  <si>
    <t>34.144.500,00</t>
  </si>
  <si>
    <t>34.943.600,00</t>
  </si>
  <si>
    <t>7.412.438,41</t>
  </si>
  <si>
    <t>27.531.161,59</t>
  </si>
  <si>
    <t>6.429.384,76</t>
  </si>
  <si>
    <t>28.514.215,24</t>
  </si>
  <si>
    <t xml:space="preserve">   541 - PRESERVAÇÃO E CONSERVAÇÃO AMBIENTAL</t>
  </si>
  <si>
    <t>32.967.600,00</t>
  </si>
  <si>
    <t>32.974.600,00</t>
  </si>
  <si>
    <t>4.756.886,32</t>
  </si>
  <si>
    <t>28.217.713,68</t>
  </si>
  <si>
    <t>222.267,67</t>
  </si>
  <si>
    <t>32.752.332,33</t>
  </si>
  <si>
    <t xml:space="preserve">   542 - CONTROLE AMBIENTAL</t>
  </si>
  <si>
    <t>22.505.300,00</t>
  </si>
  <si>
    <t>960.079,30</t>
  </si>
  <si>
    <t>21.545.220,70</t>
  </si>
  <si>
    <t>510.179,48</t>
  </si>
  <si>
    <t>21.995.120,52</t>
  </si>
  <si>
    <t xml:space="preserve">   544 - RECURSOS HÍDRICOS</t>
  </si>
  <si>
    <t>1.140.000,00</t>
  </si>
  <si>
    <t>104.310,00</t>
  </si>
  <si>
    <t>1.035.690,00</t>
  </si>
  <si>
    <t>53.946,18</t>
  </si>
  <si>
    <t>1.086.053,82</t>
  </si>
  <si>
    <t xml:space="preserve">   545 - METEOROLOGIA</t>
  </si>
  <si>
    <t>502.000,00</t>
  </si>
  <si>
    <t>19 - CIÊNCIA E TECNOLOGIA</t>
  </si>
  <si>
    <t>31.366.200,00</t>
  </si>
  <si>
    <t>59.442.838,00</t>
  </si>
  <si>
    <t>2.343.413,39</t>
  </si>
  <si>
    <t>57.099.424,61</t>
  </si>
  <si>
    <t>1.186.523,72</t>
  </si>
  <si>
    <t>58.256.314,28</t>
  </si>
  <si>
    <t>31.364.800,00</t>
  </si>
  <si>
    <t>54.086.051,00</t>
  </si>
  <si>
    <t>2.312.246,74</t>
  </si>
  <si>
    <t>51.773.804,26</t>
  </si>
  <si>
    <t>1.177.835,74</t>
  </si>
  <si>
    <t>52.908.215,26</t>
  </si>
  <si>
    <t>5.356.387,00</t>
  </si>
  <si>
    <t>31.166,65</t>
  </si>
  <si>
    <t>5.325.220,35</t>
  </si>
  <si>
    <t>8.687,98</t>
  </si>
  <si>
    <t>5.347.699,02</t>
  </si>
  <si>
    <t>20 - AGRICULTURA</t>
  </si>
  <si>
    <t>198.425.700,00</t>
  </si>
  <si>
    <t>193.646.488,00</t>
  </si>
  <si>
    <t>85.914.180,85</t>
  </si>
  <si>
    <t>1,06</t>
  </si>
  <si>
    <t>107.732.307,15</t>
  </si>
  <si>
    <t>24.635.093,04</t>
  </si>
  <si>
    <t>169.011.394,96</t>
  </si>
  <si>
    <t>128.506.700,00</t>
  </si>
  <si>
    <t>124.930.339,00</t>
  </si>
  <si>
    <t>72.268.369,63</t>
  </si>
  <si>
    <t>0,89</t>
  </si>
  <si>
    <t>52.661.969,37</t>
  </si>
  <si>
    <t>22.242.017,59</t>
  </si>
  <si>
    <t>102.688.321,41</t>
  </si>
  <si>
    <t>1.698.200,00</t>
  </si>
  <si>
    <t>2.410.200,00</t>
  </si>
  <si>
    <t>14.994,23</t>
  </si>
  <si>
    <t>2.395.205,77</t>
  </si>
  <si>
    <t>7.015,63</t>
  </si>
  <si>
    <t>2.403.184,37</t>
  </si>
  <si>
    <t xml:space="preserve">   601 - PROMOÇÃO DA PRODUÇÃO VEGETAL</t>
  </si>
  <si>
    <t>200.100,00</t>
  </si>
  <si>
    <t xml:space="preserve">   602 - PROMOÇÃO DA PRODUÇÃO ANIMAL</t>
  </si>
  <si>
    <t>1.173.400,00</t>
  </si>
  <si>
    <t xml:space="preserve">   604 - DEFESA SANITÁRIA ANIMAL</t>
  </si>
  <si>
    <t>2.000.000,00</t>
  </si>
  <si>
    <t xml:space="preserve">   606 - EXTENSÃO RURAL</t>
  </si>
  <si>
    <t>27.748.500,00</t>
  </si>
  <si>
    <t>27.525.149,00</t>
  </si>
  <si>
    <t>1.290.290,13</t>
  </si>
  <si>
    <t>26.234.858,87</t>
  </si>
  <si>
    <t>494.473,25</t>
  </si>
  <si>
    <t>27.030.675,75</t>
  </si>
  <si>
    <t xml:space="preserve">   608 - PROMOÇÃO DA PRODUÇÃO AGROPECUÁRIA</t>
  </si>
  <si>
    <t>7.704.800,00</t>
  </si>
  <si>
    <t>1.917.820,00</t>
  </si>
  <si>
    <t>5.786.980,00</t>
  </si>
  <si>
    <t xml:space="preserve">   609 - DEFESA AGROPECUÁRIA</t>
  </si>
  <si>
    <t>26.983.800,00</t>
  </si>
  <si>
    <t>26.004.300,00</t>
  </si>
  <si>
    <t>10.422.706,86</t>
  </si>
  <si>
    <t>15.581.593,14</t>
  </si>
  <si>
    <t>1.891.586,57</t>
  </si>
  <si>
    <t>24.112.713,43</t>
  </si>
  <si>
    <t>21 - ORGANIZAÇÃO AGRÁRIA</t>
  </si>
  <si>
    <t>1.814.600,00</t>
  </si>
  <si>
    <t>2.617.358,00</t>
  </si>
  <si>
    <t>442.948,88</t>
  </si>
  <si>
    <t>2.174.409,12</t>
  </si>
  <si>
    <t>254.671,26</t>
  </si>
  <si>
    <t>2.362.686,74</t>
  </si>
  <si>
    <t xml:space="preserve">   631 - REFORMA AGRÁRIA</t>
  </si>
  <si>
    <t>22 - INDÚSTRIA</t>
  </si>
  <si>
    <t>19.785.000,00</t>
  </si>
  <si>
    <t>20.915.000,00</t>
  </si>
  <si>
    <t>4.005.375,10</t>
  </si>
  <si>
    <t>16.909.624,90</t>
  </si>
  <si>
    <t>695.624,78</t>
  </si>
  <si>
    <t>20.219.375,22</t>
  </si>
  <si>
    <t xml:space="preserve">   661 - PROMOÇÃO INDUSTRIAL</t>
  </si>
  <si>
    <t>23 - COMÉRCIO E SERVIÇOS</t>
  </si>
  <si>
    <t>37.124.600,00</t>
  </si>
  <si>
    <t>35.936.600,00</t>
  </si>
  <si>
    <t>16.177.187,99</t>
  </si>
  <si>
    <t>0,20</t>
  </si>
  <si>
    <t>19.759.412,01</t>
  </si>
  <si>
    <t>3.355.275,68</t>
  </si>
  <si>
    <t>0,14</t>
  </si>
  <si>
    <t>32.581.324,32</t>
  </si>
  <si>
    <t>6.300,00</t>
  </si>
  <si>
    <t xml:space="preserve">   665 - NORMALIZAÇÃO E QUALIDADE</t>
  </si>
  <si>
    <t>18.365.600,00</t>
  </si>
  <si>
    <t>17.177.600,00</t>
  </si>
  <si>
    <t>8.585.910,26</t>
  </si>
  <si>
    <t>8.591.689,74</t>
  </si>
  <si>
    <t>1.476.762,09</t>
  </si>
  <si>
    <t>15.700.837,91</t>
  </si>
  <si>
    <t xml:space="preserve">   692 - COMERCIALIZAÇÃO</t>
  </si>
  <si>
    <t>10.656.900,00</t>
  </si>
  <si>
    <t>5.996.654,18</t>
  </si>
  <si>
    <t>4.660.245,82</t>
  </si>
  <si>
    <t>1.397.304,52</t>
  </si>
  <si>
    <t>9.259.595,48</t>
  </si>
  <si>
    <t>8.095.800,00</t>
  </si>
  <si>
    <t>1.594.623,55</t>
  </si>
  <si>
    <t>6.501.176,45</t>
  </si>
  <si>
    <t>481.209,07</t>
  </si>
  <si>
    <t>7.614.590,93</t>
  </si>
  <si>
    <t>24 - COMUNICAÇÃO</t>
  </si>
  <si>
    <t xml:space="preserve">   131 - COMUNICAÇÃO SOCIAL</t>
  </si>
  <si>
    <t>25 - ENERGIA</t>
  </si>
  <si>
    <t>1.100.000,00</t>
  </si>
  <si>
    <t>2.121.500,00</t>
  </si>
  <si>
    <t>842.037,03</t>
  </si>
  <si>
    <t>1.279.462,97</t>
  </si>
  <si>
    <t>22.179,00</t>
  </si>
  <si>
    <t>2.099.321,00</t>
  </si>
  <si>
    <t xml:space="preserve">   751 - CONSERVAÇÃO DE ENERGIA</t>
  </si>
  <si>
    <t>300.000,00</t>
  </si>
  <si>
    <t xml:space="preserve">   752 - ENERGIA ELETRICA</t>
  </si>
  <si>
    <t>800.000,00</t>
  </si>
  <si>
    <t>1.821.500,00</t>
  </si>
  <si>
    <t>979.462,97</t>
  </si>
  <si>
    <t>1.799.321,00</t>
  </si>
  <si>
    <t>26 - TRANSPORTE</t>
  </si>
  <si>
    <t>708.755.700,00</t>
  </si>
  <si>
    <t>733.305.811,16</t>
  </si>
  <si>
    <t>509.366.454,94</t>
  </si>
  <si>
    <t>6,29</t>
  </si>
  <si>
    <t>223.939.356,22</t>
  </si>
  <si>
    <t>119.607.540,70</t>
  </si>
  <si>
    <t>5,15</t>
  </si>
  <si>
    <t>613.698.270,46</t>
  </si>
  <si>
    <t>76.562.200,00</t>
  </si>
  <si>
    <t>81.170.411,16</t>
  </si>
  <si>
    <t>46.542.885,35</t>
  </si>
  <si>
    <t>0,57</t>
  </si>
  <si>
    <t>34.627.525,81</t>
  </si>
  <si>
    <t>15.114.454,37</t>
  </si>
  <si>
    <t>0,65</t>
  </si>
  <si>
    <t>66.055.956,79</t>
  </si>
  <si>
    <t xml:space="preserve">   781 - TRANSPORTE AÉREO</t>
  </si>
  <si>
    <t>4.240.000,00</t>
  </si>
  <si>
    <t xml:space="preserve">   782 - TRANSPORTE RODOVIÁRIO</t>
  </si>
  <si>
    <t>627.798.500,00</t>
  </si>
  <si>
    <t>647.740.400,00</t>
  </si>
  <si>
    <t>462.823.569,59</t>
  </si>
  <si>
    <t>5,71</t>
  </si>
  <si>
    <t>184.916.830,41</t>
  </si>
  <si>
    <t>104.493.086,33</t>
  </si>
  <si>
    <t>4,50</t>
  </si>
  <si>
    <t>543.247.313,67</t>
  </si>
  <si>
    <t xml:space="preserve">   783 - TRANSPORTE FERROVIÁRIO</t>
  </si>
  <si>
    <t>115.000,00</t>
  </si>
  <si>
    <t xml:space="preserve">   784 - TRANSPORTE HIDROVIARIO</t>
  </si>
  <si>
    <t>40.000,00</t>
  </si>
  <si>
    <t>27 - DESPORTO E LAZER</t>
  </si>
  <si>
    <t>45.939.300,00</t>
  </si>
  <si>
    <t>45.912.800,00</t>
  </si>
  <si>
    <t>3.602.329,35</t>
  </si>
  <si>
    <t>42.310.470,65</t>
  </si>
  <si>
    <t>1.427.114,94</t>
  </si>
  <si>
    <t>44.485.685,06</t>
  </si>
  <si>
    <t xml:space="preserve">   811 - DESPORTO DE RENDIMENTO</t>
  </si>
  <si>
    <t>2.663.800,00</t>
  </si>
  <si>
    <t>474.964,88</t>
  </si>
  <si>
    <t>2.188.835,12</t>
  </si>
  <si>
    <t>107.910,67</t>
  </si>
  <si>
    <t>2.555.889,33</t>
  </si>
  <si>
    <t xml:space="preserve">   812 - DESPORTO COMUNITARIO</t>
  </si>
  <si>
    <t>43.275.500,00</t>
  </si>
  <si>
    <t>43.249.000,00</t>
  </si>
  <si>
    <t>3.127.364,47</t>
  </si>
  <si>
    <t>40.121.635,53</t>
  </si>
  <si>
    <t>1.319.204,27</t>
  </si>
  <si>
    <t>41.929.795,73</t>
  </si>
  <si>
    <t>28 - ENCARGOS ESPECIAIS</t>
  </si>
  <si>
    <t>919.300.600,00</t>
  </si>
  <si>
    <t>916.136.200,00</t>
  </si>
  <si>
    <t>770.061.513,81</t>
  </si>
  <si>
    <t>9,50</t>
  </si>
  <si>
    <t>146.074.686,19</t>
  </si>
  <si>
    <t>156.201.936,55</t>
  </si>
  <si>
    <t>6,73</t>
  </si>
  <si>
    <t>759.934.263,45</t>
  </si>
  <si>
    <t xml:space="preserve">   841 - REFINANCIAMENTO DA DIVIDA INTERNA</t>
  </si>
  <si>
    <t>356.177.300,00</t>
  </si>
  <si>
    <t>312.477.300,00</t>
  </si>
  <si>
    <t>3,86</t>
  </si>
  <si>
    <t>34.424.215,66</t>
  </si>
  <si>
    <t>1,48</t>
  </si>
  <si>
    <t>278.053.084,34</t>
  </si>
  <si>
    <t>171.207.900,00</t>
  </si>
  <si>
    <t>215.243.500,00</t>
  </si>
  <si>
    <t>213.877.449,65</t>
  </si>
  <si>
    <t>1.366.050,35</t>
  </si>
  <si>
    <t>32.929.174,17</t>
  </si>
  <si>
    <t>1,42</t>
  </si>
  <si>
    <t>182.314.325,83</t>
  </si>
  <si>
    <t xml:space="preserve">   844 - SERVICO DA DIVIDA EXTERNA</t>
  </si>
  <si>
    <t>26.050.100,00</t>
  </si>
  <si>
    <t>24.203.128,33</t>
  </si>
  <si>
    <t>1.846.971,67</t>
  </si>
  <si>
    <t xml:space="preserve">   845 - OUTRAS TRANSFERÊNCIAS</t>
  </si>
  <si>
    <t>33.000.000,00</t>
  </si>
  <si>
    <t>0,41</t>
  </si>
  <si>
    <t>8.250.000,00</t>
  </si>
  <si>
    <t>0,36</t>
  </si>
  <si>
    <t>24.750.000,00</t>
  </si>
  <si>
    <t xml:space="preserve">   846 - OUTROS ENCARGOS ESPECIAIS</t>
  </si>
  <si>
    <t>332.865.300,00</t>
  </si>
  <si>
    <t>329.365.300,00</t>
  </si>
  <si>
    <t>186.503.635,83</t>
  </si>
  <si>
    <t>2,30</t>
  </si>
  <si>
    <t>142.861.664,17</t>
  </si>
  <si>
    <t>80.598.546,72</t>
  </si>
  <si>
    <t>3,47</t>
  </si>
  <si>
    <t>248.766.753,28</t>
  </si>
  <si>
    <t>99 - RESERVA</t>
  </si>
  <si>
    <t xml:space="preserve">   999 - RESERVA DE CONTINGENCIA</t>
  </si>
  <si>
    <t>DESPESAS INTRA-ORÇAMENTÁRIA</t>
  </si>
  <si>
    <t>6,27</t>
  </si>
  <si>
    <t>12,98</t>
  </si>
  <si>
    <t>57.401.100,00</t>
  </si>
  <si>
    <t>63.581.100,00</t>
  </si>
  <si>
    <t>17.672.773,07</t>
  </si>
  <si>
    <t>0,22</t>
  </si>
  <si>
    <t>45.908.326,93</t>
  </si>
  <si>
    <t>11.129.912,80</t>
  </si>
  <si>
    <t>0,48</t>
  </si>
  <si>
    <t>52.451.187,20</t>
  </si>
  <si>
    <t>32.451.100,00</t>
  </si>
  <si>
    <t>38.631.100,00</t>
  </si>
  <si>
    <t>5.672.773,07</t>
  </si>
  <si>
    <t>32.958.326,93</t>
  </si>
  <si>
    <t>24.950.000,00</t>
  </si>
  <si>
    <t>12.000.000,00</t>
  </si>
  <si>
    <t>0,15</t>
  </si>
  <si>
    <t>12.950.000,00</t>
  </si>
  <si>
    <t>5.457.139,73</t>
  </si>
  <si>
    <t>19.492.860,27</t>
  </si>
  <si>
    <t>115.155.000,00</t>
  </si>
  <si>
    <t>123.510.000,00</t>
  </si>
  <si>
    <t>104.159.500,00</t>
  </si>
  <si>
    <t>1,29</t>
  </si>
  <si>
    <t>19.350.500,00</t>
  </si>
  <si>
    <t>15.669.510,09</t>
  </si>
  <si>
    <t>0,67</t>
  </si>
  <si>
    <t>107.840.489,91</t>
  </si>
  <si>
    <t>79.107.700,00</t>
  </si>
  <si>
    <t>80.867.700,00</t>
  </si>
  <si>
    <t>13.703.326,38</t>
  </si>
  <si>
    <t>67.164.373,62</t>
  </si>
  <si>
    <t>13.703.282,38</t>
  </si>
  <si>
    <t>0,59</t>
  </si>
  <si>
    <t>67.164.417,62</t>
  </si>
  <si>
    <t>39.288.000,00</t>
  </si>
  <si>
    <t>5.425.811,92</t>
  </si>
  <si>
    <t>33.862.188,08</t>
  </si>
  <si>
    <t>5.425.771,92</t>
  </si>
  <si>
    <t>33.862.228,08</t>
  </si>
  <si>
    <t>9.308.000,00</t>
  </si>
  <si>
    <t>11.068.000,00</t>
  </si>
  <si>
    <t>2.497.444,98</t>
  </si>
  <si>
    <t>8.570.555,02</t>
  </si>
  <si>
    <t>30.511.700,00</t>
  </si>
  <si>
    <t>5.780.069,48</t>
  </si>
  <si>
    <t>24.731.630,52</t>
  </si>
  <si>
    <t>5.780.065,48</t>
  </si>
  <si>
    <t>0,25</t>
  </si>
  <si>
    <t>24.731.634,52</t>
  </si>
  <si>
    <t>141.829.700,00</t>
  </si>
  <si>
    <t>196.207.418,00</t>
  </si>
  <si>
    <t>86.838.664,94</t>
  </si>
  <si>
    <t>1,07</t>
  </si>
  <si>
    <t>109.368.753,06</t>
  </si>
  <si>
    <t>62.600.044,89</t>
  </si>
  <si>
    <t>2,70</t>
  </si>
  <si>
    <t>133.607.373,11</t>
  </si>
  <si>
    <t>24.023.400,00</t>
  </si>
  <si>
    <t>24.316.388,81</t>
  </si>
  <si>
    <t>10.365.604,37</t>
  </si>
  <si>
    <t>13.950.784,44</t>
  </si>
  <si>
    <t>3.456.112,56</t>
  </si>
  <si>
    <t>20.860.276,25</t>
  </si>
  <si>
    <t>117.806.300,00</t>
  </si>
  <si>
    <t>171.891.029,19</t>
  </si>
  <si>
    <t>76.473.060,57</t>
  </si>
  <si>
    <t>0,94</t>
  </si>
  <si>
    <t>95.417.968,62</t>
  </si>
  <si>
    <t>59.143.932,33</t>
  </si>
  <si>
    <t>2,55</t>
  </si>
  <si>
    <t>112.747.096,86</t>
  </si>
  <si>
    <t>248.071.400,00</t>
  </si>
  <si>
    <t>251.331.400,00</t>
  </si>
  <si>
    <t>95.188.463,12</t>
  </si>
  <si>
    <t>1,17</t>
  </si>
  <si>
    <t>156.142.936,88</t>
  </si>
  <si>
    <t>68.252.607,54</t>
  </si>
  <si>
    <t>2,94</t>
  </si>
  <si>
    <t>183.078.792,46</t>
  </si>
  <si>
    <t>8.195.400,00</t>
  </si>
  <si>
    <t>6.376.513,10</t>
  </si>
  <si>
    <t>1.818.886,90</t>
  </si>
  <si>
    <t>1.685.407,02</t>
  </si>
  <si>
    <t>6.509.992,98</t>
  </si>
  <si>
    <t>30.880,00</t>
  </si>
  <si>
    <t>13.186,98</t>
  </si>
  <si>
    <t>17.693,02</t>
  </si>
  <si>
    <t>50.682.000,00</t>
  </si>
  <si>
    <t>43.502.051,98</t>
  </si>
  <si>
    <t>11.973.842,61</t>
  </si>
  <si>
    <t>31.528.209,37</t>
  </si>
  <si>
    <t>9.135.017,75</t>
  </si>
  <si>
    <t>0,39</t>
  </si>
  <si>
    <t>34.367.034,23</t>
  </si>
  <si>
    <t>28.621.000,00</t>
  </si>
  <si>
    <t>25.619.420,00</t>
  </si>
  <si>
    <t>7.240.821,54</t>
  </si>
  <si>
    <t>18.378.598,46</t>
  </si>
  <si>
    <t>4.585.387,69</t>
  </si>
  <si>
    <t>21.034.032,31</t>
  </si>
  <si>
    <t>27.000,00</t>
  </si>
  <si>
    <t>22.000.000,00</t>
  </si>
  <si>
    <t>17.821.631,98</t>
  </si>
  <si>
    <t>4.733.021,07</t>
  </si>
  <si>
    <t>13.088.610,91</t>
  </si>
  <si>
    <t>4.549.630,06</t>
  </si>
  <si>
    <t>13.272.001,92</t>
  </si>
  <si>
    <t>4.000,00</t>
  </si>
  <si>
    <t>30.000,00</t>
  </si>
  <si>
    <t>693.800,00</t>
  </si>
  <si>
    <t>848.800,00</t>
  </si>
  <si>
    <t>783.932,70</t>
  </si>
  <si>
    <t>64.867,30</t>
  </si>
  <si>
    <t>455.553,08</t>
  </si>
  <si>
    <t>393.246,92</t>
  </si>
  <si>
    <t>191.089.400,00</t>
  </si>
  <si>
    <t>225.315.194,31</t>
  </si>
  <si>
    <t>101.032.983,77</t>
  </si>
  <si>
    <t>1,25</t>
  </si>
  <si>
    <t>124.282.210,54</t>
  </si>
  <si>
    <t>92.762.649,52</t>
  </si>
  <si>
    <t>3,99</t>
  </si>
  <si>
    <t>132.552.544,79</t>
  </si>
  <si>
    <t>847.600,00</t>
  </si>
  <si>
    <t>810.890,14</t>
  </si>
  <si>
    <t>36.709,86</t>
  </si>
  <si>
    <t>330.854,67</t>
  </si>
  <si>
    <t>516.745,33</t>
  </si>
  <si>
    <t>26.248.000,00</t>
  </si>
  <si>
    <t>25.054.138,59</t>
  </si>
  <si>
    <t>7.039.040,36</t>
  </si>
  <si>
    <t>18.015.098,23</t>
  </si>
  <si>
    <t>6.797.091,87</t>
  </si>
  <si>
    <t>0,29</t>
  </si>
  <si>
    <t>18.257.046,72</t>
  </si>
  <si>
    <t>430.200,00</t>
  </si>
  <si>
    <t>199.611,59</t>
  </si>
  <si>
    <t>59.965,06</t>
  </si>
  <si>
    <t>139.646,53</t>
  </si>
  <si>
    <t>25.817.800,00</t>
  </si>
  <si>
    <t>24.854.527,00</t>
  </si>
  <si>
    <t>6.979.075,30</t>
  </si>
  <si>
    <t>17.875.451,70</t>
  </si>
  <si>
    <t>6.737.126,81</t>
  </si>
  <si>
    <t>18.117.400,19</t>
  </si>
  <si>
    <t>939.400,00</t>
  </si>
  <si>
    <t>250.644,66</t>
  </si>
  <si>
    <t>688.755,34</t>
  </si>
  <si>
    <t>240.511,25</t>
  </si>
  <si>
    <t>698.888,75</t>
  </si>
  <si>
    <t>5.246.600,00</t>
  </si>
  <si>
    <t>4.440.500,00</t>
  </si>
  <si>
    <t>983.938,78</t>
  </si>
  <si>
    <t>3.456.561,22</t>
  </si>
  <si>
    <t>982.693,30</t>
  </si>
  <si>
    <t>3.457.806,70</t>
  </si>
  <si>
    <t>22.025.300,00</t>
  </si>
  <si>
    <t>27.660.474,00</t>
  </si>
  <si>
    <t>10.539.670,66</t>
  </si>
  <si>
    <t>17.120.803,34</t>
  </si>
  <si>
    <t>5.672.926,41</t>
  </si>
  <si>
    <t>21.987.547,59</t>
  </si>
  <si>
    <t>678.500,00</t>
  </si>
  <si>
    <t>1.866.500,00</t>
  </si>
  <si>
    <t>1.450.154,27</t>
  </si>
  <si>
    <t>416.345,73</t>
  </si>
  <si>
    <t>403.322,45</t>
  </si>
  <si>
    <t>1.463.177,55</t>
  </si>
  <si>
    <t>1.188.000,00</t>
  </si>
  <si>
    <t>1.096.000,00</t>
  </si>
  <si>
    <t>92.000,00</t>
  </si>
  <si>
    <t>175.440,65</t>
  </si>
  <si>
    <t>1.012.559,35</t>
  </si>
  <si>
    <t>354.154,27</t>
  </si>
  <si>
    <t>324.345,73</t>
  </si>
  <si>
    <t>227.881,80</t>
  </si>
  <si>
    <t>450.618,20</t>
  </si>
  <si>
    <t>177</t>
  </si>
  <si>
    <t>28.413.300,00</t>
  </si>
  <si>
    <t>24.515.888,84</t>
  </si>
  <si>
    <t>12.884.710,00</t>
  </si>
  <si>
    <t>11.631.178,84</t>
  </si>
  <si>
    <t>4.842.658,31</t>
  </si>
  <si>
    <t>19.673.230,53</t>
  </si>
  <si>
    <t>178</t>
  </si>
  <si>
    <t>179</t>
  </si>
  <si>
    <t>195.600,00</t>
  </si>
  <si>
    <t>222.100,00</t>
  </si>
  <si>
    <t>37.909,72</t>
  </si>
  <si>
    <t>184.190,28</t>
  </si>
  <si>
    <t>180</t>
  </si>
  <si>
    <t>181</t>
  </si>
  <si>
    <t>38.749.900,00</t>
  </si>
  <si>
    <t>42.249.900,00</t>
  </si>
  <si>
    <t>36.244.143,52</t>
  </si>
  <si>
    <t>0,45</t>
  </si>
  <si>
    <t>6.005.756,48</t>
  </si>
  <si>
    <t>6.672.442,10</t>
  </si>
  <si>
    <t>35.577.457,90</t>
  </si>
  <si>
    <t>182</t>
  </si>
  <si>
    <t>183</t>
  </si>
  <si>
    <t>TOTAL</t>
  </si>
  <si>
    <t>100,00</t>
  </si>
  <si>
    <t>Anexo 3 - Receita Corrente Líquida</t>
  </si>
  <si>
    <t>Março/2016 a Fevereiro/2017</t>
  </si>
  <si>
    <t>LRF, Art. 53, inciso I - Anexo 3</t>
  </si>
  <si>
    <t>ESPECIFICAÇÃO</t>
  </si>
  <si>
    <t>Evolução da Receita Realizada nos últimos 12 meses</t>
  </si>
  <si>
    <t>Mar/2016</t>
  </si>
  <si>
    <t>Abr/2016</t>
  </si>
  <si>
    <t>Mai/2016</t>
  </si>
  <si>
    <t>Jun/2016</t>
  </si>
  <si>
    <t>Jul/2016</t>
  </si>
  <si>
    <t>Ago/2016</t>
  </si>
  <si>
    <t>Set/2016</t>
  </si>
  <si>
    <t>Out/2016</t>
  </si>
  <si>
    <t>Nov/2016</t>
  </si>
  <si>
    <t>Dez/2016</t>
  </si>
  <si>
    <t>Jan/2017</t>
  </si>
  <si>
    <t>Fev/2017</t>
  </si>
  <si>
    <t>Total (ùltimos 12 Meses)</t>
  </si>
  <si>
    <t>Previsão Atualizada</t>
  </si>
  <si>
    <t>RECEITAS CORRENTES (I)</t>
  </si>
  <si>
    <t>1.065.475.455,62</t>
  </si>
  <si>
    <t>1.163.169.160,28</t>
  </si>
  <si>
    <t>1.129.336.339,81</t>
  </si>
  <si>
    <t>1.055.734.975,00</t>
  </si>
  <si>
    <t>1.047.077.343,00</t>
  </si>
  <si>
    <t>1.066.390.070,25</t>
  </si>
  <si>
    <t>1.066.389.522,42</t>
  </si>
  <si>
    <t>1.030.668.134,64</t>
  </si>
  <si>
    <t>1.163.206.194,91</t>
  </si>
  <si>
    <t>1.375.667.939,51</t>
  </si>
  <si>
    <t>1.377.334.072,66</t>
  </si>
  <si>
    <t>940.733.145,21</t>
  </si>
  <si>
    <t>13.481.182.353,31</t>
  </si>
  <si>
    <t>14.365.250.600,00</t>
  </si>
  <si>
    <t>746.476.446,37</t>
  </si>
  <si>
    <t>771.463.812,99</t>
  </si>
  <si>
    <t>710.380.662,85</t>
  </si>
  <si>
    <t>680.129.271,61</t>
  </si>
  <si>
    <t>704.265.121,70</t>
  </si>
  <si>
    <t>708.184.262,64</t>
  </si>
  <si>
    <t>731.788.777,78</t>
  </si>
  <si>
    <t>679.729.578,51</t>
  </si>
  <si>
    <t>695.781.115,53</t>
  </si>
  <si>
    <t>717.944.496,17</t>
  </si>
  <si>
    <t>996.726.210,03</t>
  </si>
  <si>
    <t>611.579.738,76</t>
  </si>
  <si>
    <t>8.754.449.494,94</t>
  </si>
  <si>
    <t>9.595.170.500,00</t>
  </si>
  <si>
    <t xml:space="preserve">      ICMS</t>
  </si>
  <si>
    <t>610.693.516,92</t>
  </si>
  <si>
    <t>646.022.277,41</t>
  </si>
  <si>
    <t>577.453.360,47</t>
  </si>
  <si>
    <t>560.254.770,69</t>
  </si>
  <si>
    <t>588.812.892,57</t>
  </si>
  <si>
    <t>592.642.760,12</t>
  </si>
  <si>
    <t>600.013.454,93</t>
  </si>
  <si>
    <t>566.651.691,10</t>
  </si>
  <si>
    <t>594.688.944,93</t>
  </si>
  <si>
    <t>594.067.601,07</t>
  </si>
  <si>
    <t>589.699.991,28</t>
  </si>
  <si>
    <t>509.325.399,80</t>
  </si>
  <si>
    <t>7.030.326.661,29</t>
  </si>
  <si>
    <t>7.757.174.300,00</t>
  </si>
  <si>
    <t xml:space="preserve">      IPVA</t>
  </si>
  <si>
    <t>43.443.299,91</t>
  </si>
  <si>
    <t>38.902.234,47</t>
  </si>
  <si>
    <t>38.782.656,70</t>
  </si>
  <si>
    <t>20.468.874,65</t>
  </si>
  <si>
    <t>17.832.837,49</t>
  </si>
  <si>
    <t>17.583.156,93</t>
  </si>
  <si>
    <t>12.379.214,76</t>
  </si>
  <si>
    <t>10.772.175,47</t>
  </si>
  <si>
    <t>10.315.533,69</t>
  </si>
  <si>
    <t>34.194.982,63</t>
  </si>
  <si>
    <t>272.157.589,21</t>
  </si>
  <si>
    <t>39.485.927,41</t>
  </si>
  <si>
    <t>556.318.483,32</t>
  </si>
  <si>
    <t>534.771.400,00</t>
  </si>
  <si>
    <t xml:space="preserve">      ITCD</t>
  </si>
  <si>
    <t>14.155.551,82</t>
  </si>
  <si>
    <t>9.150.231,50</t>
  </si>
  <si>
    <t>12.819.044,46</t>
  </si>
  <si>
    <t>11.935.042,04</t>
  </si>
  <si>
    <t>9.331.842,86</t>
  </si>
  <si>
    <t>13.941.460,83</t>
  </si>
  <si>
    <t>24.226.752,48</t>
  </si>
  <si>
    <t>9.798.855,14</t>
  </si>
  <si>
    <t>7.387.491,95</t>
  </si>
  <si>
    <t>12.529.225,17</t>
  </si>
  <si>
    <t>9.488.405,22</t>
  </si>
  <si>
    <t>4.743.028,58</t>
  </si>
  <si>
    <t>139.506.932,05</t>
  </si>
  <si>
    <t>190.747.800,00</t>
  </si>
  <si>
    <t xml:space="preserve">      IRRF</t>
  </si>
  <si>
    <t>54.752.162,99</t>
  </si>
  <si>
    <t>55.857.304,48</t>
  </si>
  <si>
    <t>57.625.942,83</t>
  </si>
  <si>
    <t>65.181.612,01</t>
  </si>
  <si>
    <t>53.150.898,42</t>
  </si>
  <si>
    <t>56.078.598,77</t>
  </si>
  <si>
    <t>69.636.027,17</t>
  </si>
  <si>
    <t>65.771.793,10</t>
  </si>
  <si>
    <t>58.528.683,94</t>
  </si>
  <si>
    <t>53.692.564,30</t>
  </si>
  <si>
    <t>102.361.617,73</t>
  </si>
  <si>
    <t>36.562.827,04</t>
  </si>
  <si>
    <t>729.200.032,78</t>
  </si>
  <si>
    <t>773.700.000,00</t>
  </si>
  <si>
    <t xml:space="preserve">      Outras Receitas Tributárias</t>
  </si>
  <si>
    <t>23.431.914,73</t>
  </si>
  <si>
    <t>21.531.765,13</t>
  </si>
  <si>
    <t>23.699.658,39</t>
  </si>
  <si>
    <t>22.288.972,22</t>
  </si>
  <si>
    <t>35.136.650,36</t>
  </si>
  <si>
    <t>27.938.285,99</t>
  </si>
  <si>
    <t>25.533.328,44</t>
  </si>
  <si>
    <t>26.735.063,70</t>
  </si>
  <si>
    <t>24.860.461,02</t>
  </si>
  <si>
    <t>23.460.123,00</t>
  </si>
  <si>
    <t>23.018.606,59</t>
  </si>
  <si>
    <t>21.462.555,93</t>
  </si>
  <si>
    <t>299.097.385,50</t>
  </si>
  <si>
    <t>338.777.000,00</t>
  </si>
  <si>
    <t>40.720.936,97</t>
  </si>
  <si>
    <t>34.436.010,30</t>
  </si>
  <si>
    <t>43.628.967,19</t>
  </si>
  <si>
    <t>31.810.566,33</t>
  </si>
  <si>
    <t>33.416.311,26</t>
  </si>
  <si>
    <t>27.904.732,18</t>
  </si>
  <si>
    <t>34.568.389,25</t>
  </si>
  <si>
    <t>23.098.747,19</t>
  </si>
  <si>
    <t>56.811.093,11</t>
  </si>
  <si>
    <t>39.444.798,72</t>
  </si>
  <si>
    <t>39.874.071,49</t>
  </si>
  <si>
    <t>1.405.638,54</t>
  </si>
  <si>
    <t>407.120.262,53</t>
  </si>
  <si>
    <t>20.999.525,63</t>
  </si>
  <si>
    <t>32.122.187,14</t>
  </si>
  <si>
    <t>20.479.931,28</t>
  </si>
  <si>
    <t>19.339.149,50</t>
  </si>
  <si>
    <t>21.319.278,18</t>
  </si>
  <si>
    <t>22.792.678,32</t>
  </si>
  <si>
    <t>18.842.333,94</t>
  </si>
  <si>
    <t>13.827.536,59</t>
  </si>
  <si>
    <t>16.898.469,44</t>
  </si>
  <si>
    <t>20.761.578,44</t>
  </si>
  <si>
    <t>16.870.380,19</t>
  </si>
  <si>
    <t>15.310.434,71</t>
  </si>
  <si>
    <t>239.563.483,36</t>
  </si>
  <si>
    <t>38.686.460,57</t>
  </si>
  <si>
    <t>40.531.331,16</t>
  </si>
  <si>
    <t>47.142.578,39</t>
  </si>
  <si>
    <t>47.931.367,33</t>
  </si>
  <si>
    <t>51.637.704,98</t>
  </si>
  <si>
    <t>55.125.064,07</t>
  </si>
  <si>
    <t>50.090.812,36</t>
  </si>
  <si>
    <t>43.890.341,75</t>
  </si>
  <si>
    <t>40.991.225,33</t>
  </si>
  <si>
    <t>39.354.021,56</t>
  </si>
  <si>
    <t>35.571.408,24</t>
  </si>
  <si>
    <t>30.411.930,69</t>
  </si>
  <si>
    <t>521.364.246,43</t>
  </si>
  <si>
    <t>208.737.938,70</t>
  </si>
  <si>
    <t>266.492.629,48</t>
  </si>
  <si>
    <t>295.418.104,34</t>
  </si>
  <si>
    <t>263.296.692,75</t>
  </si>
  <si>
    <t>223.482.581,11</t>
  </si>
  <si>
    <t>236.776.440,06</t>
  </si>
  <si>
    <t>218.534.832,21</t>
  </si>
  <si>
    <t>249.187.359,17</t>
  </si>
  <si>
    <t>337.497.626,92</t>
  </si>
  <si>
    <t>539.418.036,50</t>
  </si>
  <si>
    <t>272.947.379,41</t>
  </si>
  <si>
    <t>273.242.269,84</t>
  </si>
  <si>
    <t>3.385.031.890,49</t>
  </si>
  <si>
    <t>3.479.109.800,00</t>
  </si>
  <si>
    <t xml:space="preserve">      Cota-Parte do FPE</t>
  </si>
  <si>
    <t>68.697.766,89</t>
  </si>
  <si>
    <t>81.666.891,05</t>
  </si>
  <si>
    <t>108.614.410,46</t>
  </si>
  <si>
    <t>89.718.924,06</t>
  </si>
  <si>
    <t>65.047.272,57</t>
  </si>
  <si>
    <t>80.667.634,15</t>
  </si>
  <si>
    <t>65.598.903,00</t>
  </si>
  <si>
    <t>81.442.976,51</t>
  </si>
  <si>
    <t>163.638.808,06</t>
  </si>
  <si>
    <t>200.185.886,34</t>
  </si>
  <si>
    <t>96.958.408,26</t>
  </si>
  <si>
    <t>126.915.515,55</t>
  </si>
  <si>
    <t>1.229.153.396,90</t>
  </si>
  <si>
    <t>1.216.300.000,00</t>
  </si>
  <si>
    <t xml:space="preserve">      Transferências da LC 87/1996</t>
  </si>
  <si>
    <t>1.504.729,69</t>
  </si>
  <si>
    <t>18.056.756,28</t>
  </si>
  <si>
    <t>18.100.000,00</t>
  </si>
  <si>
    <t xml:space="preserve">      Transferências da LC 61/1989</t>
  </si>
  <si>
    <t>6.602.487,12</t>
  </si>
  <si>
    <t>6.774.709,38</t>
  </si>
  <si>
    <t>7.693.227,82</t>
  </si>
  <si>
    <t>4.577.819,83</t>
  </si>
  <si>
    <t>6.219.984,63</t>
  </si>
  <si>
    <t>6.285.235,46</t>
  </si>
  <si>
    <t>6.882.709,60</t>
  </si>
  <si>
    <t>7.274.665,21</t>
  </si>
  <si>
    <t>7.602.595,33</t>
  </si>
  <si>
    <t>8.088.432,70</t>
  </si>
  <si>
    <t>6.991.784,22</t>
  </si>
  <si>
    <t>7.688.171,09</t>
  </si>
  <si>
    <t>82.681.822,39</t>
  </si>
  <si>
    <t>123.500.000,00</t>
  </si>
  <si>
    <t xml:space="preserve">      Transferências do FUNDEB</t>
  </si>
  <si>
    <t>70.186.188,95</t>
  </si>
  <si>
    <t>74.695.615,10</t>
  </si>
  <si>
    <t>77.882.085,62</t>
  </si>
  <si>
    <t>68.411.155,03</t>
  </si>
  <si>
    <t>64.952.389,59</t>
  </si>
  <si>
    <t>70.741.849,04</t>
  </si>
  <si>
    <t>67.639.342,83</t>
  </si>
  <si>
    <t>77.463.780,75</t>
  </si>
  <si>
    <t>81.037.517,88</t>
  </si>
  <si>
    <t>93.223.779,98</t>
  </si>
  <si>
    <t>83.155.680,43</t>
  </si>
  <si>
    <t>66.622.668,05</t>
  </si>
  <si>
    <t>896.012.053,25</t>
  </si>
  <si>
    <t>937.746.100,00</t>
  </si>
  <si>
    <t xml:space="preserve">      Outras Transferências Correntes</t>
  </si>
  <si>
    <t>61.746.766,05</t>
  </si>
  <si>
    <t>101.850.684,26</t>
  </si>
  <si>
    <t>99.723.650,75</t>
  </si>
  <si>
    <t>99.084.064,14</t>
  </si>
  <si>
    <t>85.758.204,63</t>
  </si>
  <si>
    <t>77.576.991,72</t>
  </si>
  <si>
    <t>76.909.147,09</t>
  </si>
  <si>
    <t>81.501.207,01</t>
  </si>
  <si>
    <t>83.713.975,96</t>
  </si>
  <si>
    <t>236.415.207,79</t>
  </si>
  <si>
    <t>84.336.776,81</t>
  </si>
  <si>
    <t>70.511.185,46</t>
  </si>
  <si>
    <t>1.159.127.861,67</t>
  </si>
  <si>
    <t>1.183.463.700,00</t>
  </si>
  <si>
    <t>9.854.147,38</t>
  </si>
  <si>
    <t>18.123.189,21</t>
  </si>
  <si>
    <t>12.286.095,76</t>
  </si>
  <si>
    <t>13.227.927,48</t>
  </si>
  <si>
    <t>12.956.345,77</t>
  </si>
  <si>
    <t>15.606.892,98</t>
  </si>
  <si>
    <t>12.564.376,88</t>
  </si>
  <si>
    <t>20.934.571,43</t>
  </si>
  <si>
    <t>15.226.664,58</t>
  </si>
  <si>
    <t>18.745.008,12</t>
  </si>
  <si>
    <t>15.344.623,30</t>
  </si>
  <si>
    <t>8.783.132,67</t>
  </si>
  <si>
    <t>173.652.975,56</t>
  </si>
  <si>
    <t>DEDUÇÕES (II)</t>
  </si>
  <si>
    <t>343.589.317,55</t>
  </si>
  <si>
    <t>357.949.349,92</t>
  </si>
  <si>
    <t>351.066.648,92</t>
  </si>
  <si>
    <t>315.494.352,35</t>
  </si>
  <si>
    <t>316.556.399,42</t>
  </si>
  <si>
    <t>319.416.801,27</t>
  </si>
  <si>
    <t>322.260.016,84</t>
  </si>
  <si>
    <t>310.374.667,70</t>
  </si>
  <si>
    <t>349.066.944,25</t>
  </si>
  <si>
    <t>388.293.453,63</t>
  </si>
  <si>
    <t>489.497.785,41</t>
  </si>
  <si>
    <t>293.328.365,21</t>
  </si>
  <si>
    <t>4.156.894.102,47</t>
  </si>
  <si>
    <t>8.931.911.700,00</t>
  </si>
  <si>
    <t xml:space="preserve">   Transferências Constitucionais e Legais</t>
  </si>
  <si>
    <t>187.308.308,14</t>
  </si>
  <si>
    <t>201.435.022,53</t>
  </si>
  <si>
    <t>189.168.457,36</t>
  </si>
  <si>
    <t>174.348.343,78</t>
  </si>
  <si>
    <t>174.851.726,50</t>
  </si>
  <si>
    <t>178.475.092,58</t>
  </si>
  <si>
    <t>175.206.297,96</t>
  </si>
  <si>
    <t>173.488.029,31</t>
  </si>
  <si>
    <t>163.918.230,69</t>
  </si>
  <si>
    <t>209.775.928,42</t>
  </si>
  <si>
    <t>308.419.513,18</t>
  </si>
  <si>
    <t>181.471.816,50</t>
  </si>
  <si>
    <t>2.317.866.766,95</t>
  </si>
  <si>
    <t>2.433.812.300,00</t>
  </si>
  <si>
    <t xml:space="preserve">   Contrib. do Servidor para o Plano de Previdência</t>
  </si>
  <si>
    <t>40.585.136,40</t>
  </si>
  <si>
    <t>43.488.151,30</t>
  </si>
  <si>
    <t>31.739.994,29</t>
  </si>
  <si>
    <t>56.534.010,65</t>
  </si>
  <si>
    <t>39.310.768,96</t>
  </si>
  <si>
    <t>39.801.941,56</t>
  </si>
  <si>
    <t>406.289.831,88</t>
  </si>
  <si>
    <t>431.069.600,00</t>
  </si>
  <si>
    <t xml:space="preserve">   Contrib. dos Militares para Custeio das Pensões</t>
  </si>
  <si>
    <t>135.800,57</t>
  </si>
  <si>
    <t>140.815,89</t>
  </si>
  <si>
    <t>70.572,04</t>
  </si>
  <si>
    <t>277.082,46</t>
  </si>
  <si>
    <t>134.029,76</t>
  </si>
  <si>
    <t>72.129,93</t>
  </si>
  <si>
    <t>830.430,65</t>
  </si>
  <si>
    <t>639.900,00</t>
  </si>
  <si>
    <t xml:space="preserve">   Compensação Financ. entre Regimes Previdência</t>
  </si>
  <si>
    <t>6.025.307,85</t>
  </si>
  <si>
    <t>89.999,12</t>
  </si>
  <si>
    <t>40.154,55</t>
  </si>
  <si>
    <t>466.346,37</t>
  </si>
  <si>
    <t>6.621.807,89</t>
  </si>
  <si>
    <t>5.758.500,00</t>
  </si>
  <si>
    <t xml:space="preserve">   Dedução de Receita para Formação do FUNDEB</t>
  </si>
  <si>
    <t>115.560.072,44</t>
  </si>
  <si>
    <t>122.078.317,09</t>
  </si>
  <si>
    <t>118.269.224,37</t>
  </si>
  <si>
    <t>109.335.442,24</t>
  </si>
  <si>
    <t>108.288.361,66</t>
  </si>
  <si>
    <t>113.036.976,51</t>
  </si>
  <si>
    <t>112.485.329,63</t>
  </si>
  <si>
    <t>107.762.583,35</t>
  </si>
  <si>
    <t>128.337.620,45</t>
  </si>
  <si>
    <t>138.982.727,37</t>
  </si>
  <si>
    <t>141.164.046,19</t>
  </si>
  <si>
    <t>109.984.563,80</t>
  </si>
  <si>
    <t>1.425.285.265,10</t>
  </si>
  <si>
    <t>6.060.631.400,00</t>
  </si>
  <si>
    <t>RECEITA CORRENTE LÍQUIDA (III) = (I - II)</t>
  </si>
  <si>
    <t>721.886.138,07</t>
  </si>
  <si>
    <t>805.219.810,36</t>
  </si>
  <si>
    <t>778.269.690,89</t>
  </si>
  <si>
    <t>740.240.622,65</t>
  </si>
  <si>
    <t>730.520.943,58</t>
  </si>
  <si>
    <t>746.973.268,98</t>
  </si>
  <si>
    <t>744.129.505,58</t>
  </si>
  <si>
    <t>720.293.466,94</t>
  </si>
  <si>
    <t>814.139.250,66</t>
  </si>
  <si>
    <t>987.374.485,88</t>
  </si>
  <si>
    <t>887.836.287,25</t>
  </si>
  <si>
    <t>647.404.780,00</t>
  </si>
  <si>
    <t>9.324.288.250,84</t>
  </si>
  <si>
    <t>5.433.338.900,00</t>
  </si>
  <si>
    <t>Anexo 4 - Demonstrativo das Receitas e Despesas Previdenciárias do RPPS</t>
  </si>
  <si>
    <t>LRF, Art. 53, inciso II</t>
  </si>
  <si>
    <t>RECEITAS PREVIDENCIÁRIAS - PLANO PREVIDENCIÁRIO</t>
  </si>
  <si>
    <t>Até o Bimestre 2017</t>
  </si>
  <si>
    <t>Até o Bimestre 2016</t>
  </si>
  <si>
    <t>502.344.900,00</t>
  </si>
  <si>
    <t>51.475.168,85</t>
  </si>
  <si>
    <t>11.852.352,83</t>
  </si>
  <si>
    <t>17.119.345,42</t>
  </si>
  <si>
    <t>Receita de Contribuições dos Segurados</t>
  </si>
  <si>
    <t>10.887.700,00</t>
  </si>
  <si>
    <t>1.698.761,98</t>
  </si>
  <si>
    <t>4.008.215,96</t>
  </si>
  <si>
    <t xml:space="preserve">   Civil</t>
  </si>
  <si>
    <t>2.113.400,00</t>
  </si>
  <si>
    <t>3.608.308,05</t>
  </si>
  <si>
    <t xml:space="preserve">      Ativo</t>
  </si>
  <si>
    <t xml:space="preserve">      Inativo</t>
  </si>
  <si>
    <t xml:space="preserve">      Pensionista</t>
  </si>
  <si>
    <t xml:space="preserve">   Militar</t>
  </si>
  <si>
    <t>8.774.300,00</t>
  </si>
  <si>
    <t>399.907,91</t>
  </si>
  <si>
    <t xml:space="preserve"> Receita de Contribuições Patronais </t>
  </si>
  <si>
    <t>33.910.200,00</t>
  </si>
  <si>
    <t>3.476.322,00</t>
  </si>
  <si>
    <t>8.125.998,12</t>
  </si>
  <si>
    <t>30.232.600,00</t>
  </si>
  <si>
    <t>3.474.641,08</t>
  </si>
  <si>
    <t>7.328.189,43</t>
  </si>
  <si>
    <t>3.677.600,00</t>
  </si>
  <si>
    <t>1.680,92</t>
  </si>
  <si>
    <t>797.808,69</t>
  </si>
  <si>
    <t xml:space="preserve">   Em Regime de Parcelamento de Débitos</t>
  </si>
  <si>
    <t>RECEITA PATRIMONIAL</t>
  </si>
  <si>
    <t>5.272.300,00</t>
  </si>
  <si>
    <t>6.677.268,85</t>
  </si>
  <si>
    <t>4.985.131,34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Receita de Aporte Periódico de Valores Predefinidos</t>
  </si>
  <si>
    <t>452.274.700,00</t>
  </si>
  <si>
    <t>OUTRAS RECEITAS CORRENTES</t>
  </si>
  <si>
    <t xml:space="preserve">   Compensação Previdenciária do RGPS para o RPPS</t>
  </si>
  <si>
    <t xml:space="preserve">   Demais Receitas Correntes</t>
  </si>
  <si>
    <t>RECEITAS DE CAPITAL(II)</t>
  </si>
  <si>
    <t>Alienação de Bens, Direitos e Ativos</t>
  </si>
  <si>
    <t>Amortização de Empréstimos</t>
  </si>
  <si>
    <t>Outras Receitas de Capital</t>
  </si>
  <si>
    <t>TOTAL DAS RECEITAS PREVIDENCIÁRIAS RPPS - (III) = (I + II)</t>
  </si>
  <si>
    <t>DESPESAS PREVIDENCIÁRIAS - PLANO PREVIDENCIÁRIO</t>
  </si>
  <si>
    <t>Dotação Atualizada</t>
  </si>
  <si>
    <t>ADMINISTRAÇÃO (IV)</t>
  </si>
  <si>
    <t>128.800,00</t>
  </si>
  <si>
    <t>Despesas Correntes</t>
  </si>
  <si>
    <t>Despesas de Capital</t>
  </si>
  <si>
    <t>PREVIDÊNCIA (V)</t>
  </si>
  <si>
    <t>502.216.100,00</t>
  </si>
  <si>
    <t>2.051.885,13</t>
  </si>
  <si>
    <t>1.598.440,00</t>
  </si>
  <si>
    <t>374.420,76</t>
  </si>
  <si>
    <t>121.425,84</t>
  </si>
  <si>
    <t>Benefícios - Civil</t>
  </si>
  <si>
    <t>16.030.500,00</t>
  </si>
  <si>
    <t>15.904.800,00</t>
  </si>
  <si>
    <t>1.845.536,43</t>
  </si>
  <si>
    <t>1.568.440,00</t>
  </si>
  <si>
    <t>346.111,38</t>
  </si>
  <si>
    <t>106.286,56</t>
  </si>
  <si>
    <t xml:space="preserve">   Aposentadorias</t>
  </si>
  <si>
    <t>81.300,00</t>
  </si>
  <si>
    <t xml:space="preserve">   Pensões</t>
  </si>
  <si>
    <t>92.300,00</t>
  </si>
  <si>
    <t>216.600,00</t>
  </si>
  <si>
    <t>135.002,51</t>
  </si>
  <si>
    <t>11.400,00</t>
  </si>
  <si>
    <t>34.249,54</t>
  </si>
  <si>
    <t>2.191,96</t>
  </si>
  <si>
    <t xml:space="preserve">   Outros Benefícios Previdenciários</t>
  </si>
  <si>
    <t>15.856.900,00</t>
  </si>
  <si>
    <t>15.606.900,00</t>
  </si>
  <si>
    <t>1.710.533,92</t>
  </si>
  <si>
    <t>1.557.040,00</t>
  </si>
  <si>
    <t>311.861,84</t>
  </si>
  <si>
    <t>104.094,60</t>
  </si>
  <si>
    <t>Pessoal Militar</t>
  </si>
  <si>
    <t>177.000,00</t>
  </si>
  <si>
    <t>302.700,00</t>
  </si>
  <si>
    <t>206.348,70</t>
  </si>
  <si>
    <t>28.309,38</t>
  </si>
  <si>
    <t>15.139,28</t>
  </si>
  <si>
    <t xml:space="preserve">   Reformas</t>
  </si>
  <si>
    <t>49.300,00</t>
  </si>
  <si>
    <t>8.772,24</t>
  </si>
  <si>
    <t>22.100,00</t>
  </si>
  <si>
    <t>147.800,00</t>
  </si>
  <si>
    <t>116.348,70</t>
  </si>
  <si>
    <t>21.227,76</t>
  </si>
  <si>
    <t>26.628,46</t>
  </si>
  <si>
    <t>6.367,04</t>
  </si>
  <si>
    <t>90.000,00</t>
  </si>
  <si>
    <t>Outras Despesas Previdenciárias</t>
  </si>
  <si>
    <t>486.008.600,00</t>
  </si>
  <si>
    <t xml:space="preserve">   Compensação Previdenciária do RPPS para o RGPS</t>
  </si>
  <si>
    <t xml:space="preserve">   Demais Despesas Previdenciárias</t>
  </si>
  <si>
    <t>TOTAL DAS DESPESAS PREVIDENCIÁRIAS RPPS (VI) = (IV + V)</t>
  </si>
  <si>
    <t>RESULTADO PREVIDENCIÁRIO (VII) = (III - VI)</t>
  </si>
  <si>
    <t>(450.869.731,15)</t>
  </si>
  <si>
    <t>11.477.932,07</t>
  </si>
  <si>
    <t>16.997.919,58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</t>
  </si>
  <si>
    <t>Período Referência</t>
  </si>
  <si>
    <t>2017</t>
  </si>
  <si>
    <t>2016</t>
  </si>
  <si>
    <t>Caixa e Equivalentes de Caixa</t>
  </si>
  <si>
    <t>13.547.120,35</t>
  </si>
  <si>
    <t>13.324,13</t>
  </si>
  <si>
    <t>Investimentos e Aplicações</t>
  </si>
  <si>
    <t>279.442.009,09</t>
  </si>
  <si>
    <t>264.409.917,00</t>
  </si>
  <si>
    <t>Outros Bens e Direitos</t>
  </si>
  <si>
    <t>755.221.870,99</t>
  </si>
  <si>
    <t>181.416.720,82</t>
  </si>
  <si>
    <t>RECEITAS PREVIDENCIÁRIAS - PLANO FINANCEIRO</t>
  </si>
  <si>
    <t>RECEITAS CORRENTES (VIII)</t>
  </si>
  <si>
    <t>1.920.780.700,00</t>
  </si>
  <si>
    <t>1.966.713.642,29</t>
  </si>
  <si>
    <t>138.969.644,02</t>
  </si>
  <si>
    <t>141.267.169,07</t>
  </si>
  <si>
    <t xml:space="preserve">   Receita de Contribuições dos Segurados</t>
  </si>
  <si>
    <t>420.821.800,00</t>
  </si>
  <si>
    <t>39.580.948,05</t>
  </si>
  <si>
    <t>48.052.308,54</t>
  </si>
  <si>
    <t xml:space="preserve">      Civil</t>
  </si>
  <si>
    <t>353.594.500,00</t>
  </si>
  <si>
    <t>31.570.996,31</t>
  </si>
  <si>
    <t>42.240.973,68</t>
  </si>
  <si>
    <t xml:space="preserve">         Ativo</t>
  </si>
  <si>
    <t>276.233.200,00</t>
  </si>
  <si>
    <t>26.251.382,63</t>
  </si>
  <si>
    <t>32.574.299,76</t>
  </si>
  <si>
    <t xml:space="preserve">         Inativo</t>
  </si>
  <si>
    <t>62.889.800,00</t>
  </si>
  <si>
    <t>4.164.930,79</t>
  </si>
  <si>
    <t>7.875.737,04</t>
  </si>
  <si>
    <t xml:space="preserve">         Pensionista</t>
  </si>
  <si>
    <t>14.471.500,00</t>
  </si>
  <si>
    <t>1.154.682,89</t>
  </si>
  <si>
    <t>1.790.936,88</t>
  </si>
  <si>
    <t xml:space="preserve">      Militar</t>
  </si>
  <si>
    <t>67.227.300,00</t>
  </si>
  <si>
    <t>8.009.951,74</t>
  </si>
  <si>
    <t>5.811.334,86</t>
  </si>
  <si>
    <t>54.858.000,00</t>
  </si>
  <si>
    <t>6.932.265,69</t>
  </si>
  <si>
    <t>3.856.791,94</t>
  </si>
  <si>
    <t>11.729.400,00</t>
  </si>
  <si>
    <t>1.005.556,12</t>
  </si>
  <si>
    <t>1.820.474,82</t>
  </si>
  <si>
    <t>134.068,10</t>
  </si>
  <si>
    <t xml:space="preserve">      Receita de Contribuições Patronais</t>
  </si>
  <si>
    <t>649.794.400,00</t>
  </si>
  <si>
    <t>695.727.342,29</t>
  </si>
  <si>
    <t>98.636.032,93</t>
  </si>
  <si>
    <t>84.826.124,15</t>
  </si>
  <si>
    <t xml:space="preserve">         Civil</t>
  </si>
  <si>
    <t>536.268.500,00</t>
  </si>
  <si>
    <t>582.201.442,29</t>
  </si>
  <si>
    <t>84.860.959,35</t>
  </si>
  <si>
    <t>66.001.269,83</t>
  </si>
  <si>
    <t xml:space="preserve">             Ativo </t>
  </si>
  <si>
    <t>38.928.017,06</t>
  </si>
  <si>
    <t xml:space="preserve">            Inativo</t>
  </si>
  <si>
    <t>40.004.033,63</t>
  </si>
  <si>
    <t xml:space="preserve">             Pensionista </t>
  </si>
  <si>
    <t>5.928.908,66</t>
  </si>
  <si>
    <t xml:space="preserve">         Militar</t>
  </si>
  <si>
    <t>113.525.900,00</t>
  </si>
  <si>
    <t>13.775.073,58</t>
  </si>
  <si>
    <t>18.824.854,32</t>
  </si>
  <si>
    <t xml:space="preserve">            Ativo</t>
  </si>
  <si>
    <t xml:space="preserve">             Inativo </t>
  </si>
  <si>
    <t xml:space="preserve">      Em Regime de Parcelamento de Débitos </t>
  </si>
  <si>
    <t>810.542.500,00</t>
  </si>
  <si>
    <t xml:space="preserve">   Receita Patrimonial</t>
  </si>
  <si>
    <t>8.311.300,00</t>
  </si>
  <si>
    <t>81.046,97</t>
  </si>
  <si>
    <t>7.947.845,53</t>
  </si>
  <si>
    <t xml:space="preserve">       Receitas Imobiliárias </t>
  </si>
  <si>
    <t>12.500,00</t>
  </si>
  <si>
    <t>1.954,00</t>
  </si>
  <si>
    <t>8.298.800,00</t>
  </si>
  <si>
    <t>79.092,97</t>
  </si>
  <si>
    <t>7.945.891,53</t>
  </si>
  <si>
    <t xml:space="preserve">   Receita de Serviços</t>
  </si>
  <si>
    <t xml:space="preserve">   Outras Receitas Correntes</t>
  </si>
  <si>
    <t>31.310.700,00</t>
  </si>
  <si>
    <t>671.616,07</t>
  </si>
  <si>
    <t>440.890,85</t>
  </si>
  <si>
    <t xml:space="preserve">      Compensação Previdenciária do RGPS para o RPPS</t>
  </si>
  <si>
    <t>506.500,92</t>
  </si>
  <si>
    <t xml:space="preserve">      Demais Receitas Correntes</t>
  </si>
  <si>
    <t>25.552.200,00</t>
  </si>
  <si>
    <t>165.115,15</t>
  </si>
  <si>
    <t>RECEITAS DE CAPITAL (I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) = (VIII + IX)</t>
  </si>
  <si>
    <t>DESPESAS PREVIDENCIÁRIAS - PLANO FINANCEIRO</t>
  </si>
  <si>
    <t>ADMINISTRAÇÃO (XI)</t>
  </si>
  <si>
    <t>17.603.300,00</t>
  </si>
  <si>
    <t>17.597.300,00</t>
  </si>
  <si>
    <t>5.973.866,62</t>
  </si>
  <si>
    <t>6.450.448,61</t>
  </si>
  <si>
    <t>1.660.534,63</t>
  </si>
  <si>
    <t>1.066.169,67</t>
  </si>
  <si>
    <t xml:space="preserve">   Despesas Correntes</t>
  </si>
  <si>
    <t>10.194.900,00</t>
  </si>
  <si>
    <t>10.188.900,00</t>
  </si>
  <si>
    <t xml:space="preserve">   Despesas de Capital</t>
  </si>
  <si>
    <t>7.408.400,00</t>
  </si>
  <si>
    <t>PREVIDÊNCIA (XII)</t>
  </si>
  <si>
    <t>2.395.089.800,00</t>
  </si>
  <si>
    <t>2.476.765.800,00</t>
  </si>
  <si>
    <t>1.746.923.470,81</t>
  </si>
  <si>
    <t>1.374.169.083,43</t>
  </si>
  <si>
    <t>556.128.685,08</t>
  </si>
  <si>
    <t>339.296.990,13</t>
  </si>
  <si>
    <t>1.924.812.200,00</t>
  </si>
  <si>
    <t>2.006.268.200,00</t>
  </si>
  <si>
    <t>1.403.648.547,38</t>
  </si>
  <si>
    <t>1.067.393.073,43</t>
  </si>
  <si>
    <t>465.082.584,78</t>
  </si>
  <si>
    <t>284.269.612,85</t>
  </si>
  <si>
    <t xml:space="preserve">   Aposentadorias </t>
  </si>
  <si>
    <t>1.618.936.900,00</t>
  </si>
  <si>
    <t>1.699.903.900,00</t>
  </si>
  <si>
    <t>1.262.645.908,79</t>
  </si>
  <si>
    <t>862.960.504,40</t>
  </si>
  <si>
    <t>398.719.407,62</t>
  </si>
  <si>
    <t>241.324.757,51</t>
  </si>
  <si>
    <t>237.510.000,00</t>
  </si>
  <si>
    <t>238.195.000,00</t>
  </si>
  <si>
    <t>135.716.683,87</t>
  </si>
  <si>
    <t>182.254.969,03</t>
  </si>
  <si>
    <t>64.928.065,94</t>
  </si>
  <si>
    <t>41.637.412,60</t>
  </si>
  <si>
    <t>68.365.300,00</t>
  </si>
  <si>
    <t>68.169.300,00</t>
  </si>
  <si>
    <t>5.285.954,72</t>
  </si>
  <si>
    <t>22.177.600,00</t>
  </si>
  <si>
    <t>1.435.111,22</t>
  </si>
  <si>
    <t>1.307.442,74</t>
  </si>
  <si>
    <t>Benefícios - Militar</t>
  </si>
  <si>
    <t>400.397.600,00</t>
  </si>
  <si>
    <t>400.617.600,00</t>
  </si>
  <si>
    <t>343.274.923,43</t>
  </si>
  <si>
    <t>304.136.000,00</t>
  </si>
  <si>
    <t>91.046.100,30</t>
  </si>
  <si>
    <t>52.388.065,73</t>
  </si>
  <si>
    <t>335.332.600,00</t>
  </si>
  <si>
    <t>319.053.180,39</t>
  </si>
  <si>
    <t>264.000.000,00</t>
  </si>
  <si>
    <t>79.109.926,49</t>
  </si>
  <si>
    <t>45.348.504,65</t>
  </si>
  <si>
    <t>65.000.000,00</t>
  </si>
  <si>
    <t>24.001.743,04</t>
  </si>
  <si>
    <t>39.600.000,00</t>
  </si>
  <si>
    <t>11.932.975,52</t>
  </si>
  <si>
    <t>7.039.561,08</t>
  </si>
  <si>
    <t>65.000,00</t>
  </si>
  <si>
    <t>285.000,00</t>
  </si>
  <si>
    <t>220.000,00</t>
  </si>
  <si>
    <t>536.000,00</t>
  </si>
  <si>
    <t>3.198,29</t>
  </si>
  <si>
    <t>69.880.000,00</t>
  </si>
  <si>
    <t>2.640.010,00</t>
  </si>
  <si>
    <t>2.639.311,55</t>
  </si>
  <si>
    <t>TOTAL DAS DESPESAS PREVIDENCIÁRIAS RPPS (XIII) = (XI + XII)</t>
  </si>
  <si>
    <t>2.412.693.100,00</t>
  </si>
  <si>
    <t>2.494.363.100,00</t>
  </si>
  <si>
    <t>1.752.897.337,43</t>
  </si>
  <si>
    <t>1.380.619.532,04</t>
  </si>
  <si>
    <t>557.789.219,71</t>
  </si>
  <si>
    <t>340.363.159,80</t>
  </si>
  <si>
    <t>RESULTADO PREVIDENCIÁRIO (XIV) = (X – XIII)</t>
  </si>
  <si>
    <t>(491.912.400,00)</t>
  </si>
  <si>
    <t>(527.649.457,71)</t>
  </si>
  <si>
    <t>(1.613.927.693,41)</t>
  </si>
  <si>
    <t>(1.239.352.362,97)</t>
  </si>
  <si>
    <t>APORTES DE RECURSOS PARA O PLANO FINANCEIRO DO RPPS</t>
  </si>
  <si>
    <t>Recursos para Cobertura de Insuficiências Financeiras</t>
  </si>
  <si>
    <t xml:space="preserve">        Recursos para Formação de Reserva</t>
  </si>
  <si>
    <t>Anexo 5 - Resultado Nominal</t>
  </si>
  <si>
    <t>LRF, Art. 53, inciso III</t>
  </si>
  <si>
    <t>DÍVIDA FISCAL LÍQUIDA</t>
  </si>
  <si>
    <t>Saldo</t>
  </si>
  <si>
    <t>Saldo em 31/12/2016 (a)</t>
  </si>
  <si>
    <t>Em Bimestre Anterior (b)</t>
  </si>
  <si>
    <t>Em Janeiro à Fevereiro (c)</t>
  </si>
  <si>
    <t xml:space="preserve">   DÍVIDA CONSOLIDADA (I)</t>
  </si>
  <si>
    <t>8.848.325.565,61</t>
  </si>
  <si>
    <t>8.353.456.197,09</t>
  </si>
  <si>
    <t xml:space="preserve">   DEDUÇÕES (II)</t>
  </si>
  <si>
    <t>1.540.999.567,23</t>
  </si>
  <si>
    <t>1.480.804.665,43</t>
  </si>
  <si>
    <t xml:space="preserve">      Disponibilidade de Caixa</t>
  </si>
  <si>
    <t xml:space="preserve">          Disponibilidade de Caixa Bruta</t>
  </si>
  <si>
    <t>1.564.515.405,92</t>
  </si>
  <si>
    <t>1.661.708.794,50</t>
  </si>
  <si>
    <t xml:space="preserve">         (-) Restos a Pagar Processados (Exceto precatórios)</t>
  </si>
  <si>
    <t>23.515.838,69</t>
  </si>
  <si>
    <t>180.904.129,07</t>
  </si>
  <si>
    <t>Demais Haveres Financeiros</t>
  </si>
  <si>
    <t>DÍVIDA CONSOLIDADA LÍQUIDA (III) = (I - II)</t>
  </si>
  <si>
    <t>7.307.325.998,38</t>
  </si>
  <si>
    <t>6.872.651.531,66</t>
  </si>
  <si>
    <t>RECEITA DE PRIVATIZAÇÕES (IV)</t>
  </si>
  <si>
    <t>PASSIVOS RECONHECIDOS (V)</t>
  </si>
  <si>
    <t>91.959.326,36</t>
  </si>
  <si>
    <t>92.049.396,42</t>
  </si>
  <si>
    <t>DÍVIDA FISCAL LÍQUIDA (VI) = (III + IV - V)</t>
  </si>
  <si>
    <t>7.215.366.672,02</t>
  </si>
  <si>
    <t>6.780.602.135,24</t>
  </si>
  <si>
    <t>RESULTADO NOMINAL</t>
  </si>
  <si>
    <t>No Bimestre (c - b)</t>
  </si>
  <si>
    <t>Até o Bimestre (c - a)</t>
  </si>
  <si>
    <t>(434.764.536,78)</t>
  </si>
  <si>
    <t>DISCRIMINAÇÃO DA META FISCAL</t>
  </si>
  <si>
    <t>Valor Corrente</t>
  </si>
  <si>
    <t>META DE RESULTADO NOMINAL FIXADA NO ANEXO DE METAS FISCAIS DA LDO P/ O EXERCÍCIO DE REFERÊNCIA</t>
  </si>
  <si>
    <t>157.936.000,00</t>
  </si>
  <si>
    <t>Anexo 6 - Resultado Primário</t>
  </si>
  <si>
    <t>RECEITAS PRIMÁRIAS</t>
  </si>
  <si>
    <t>RECEITAS PRIMÁRIAS CORRENTES (I)</t>
  </si>
  <si>
    <t>12.898.653.600,00</t>
  </si>
  <si>
    <t>1.728.539.335,43</t>
  </si>
  <si>
    <t>1.773.257.648,80</t>
  </si>
  <si>
    <t xml:space="preserve">   Receitas Tributárias</t>
  </si>
  <si>
    <t>1.024.967.224,31</t>
  </si>
  <si>
    <t>4.635.893.900,00</t>
  </si>
  <si>
    <t>655.143.808,52</t>
  </si>
  <si>
    <t>732.036.449,39</t>
  </si>
  <si>
    <t>204.937.100,00</t>
  </si>
  <si>
    <t>104.743.547,54</t>
  </si>
  <si>
    <t>136.247.659,18</t>
  </si>
  <si>
    <t>152.598.400,00</t>
  </si>
  <si>
    <t>11.370.163,80</t>
  </si>
  <si>
    <t>32.069.247,97</t>
  </si>
  <si>
    <t>773.013.500,00</t>
  </si>
  <si>
    <t>138.924.444,77</t>
  </si>
  <si>
    <t>85.986.596,87</t>
  </si>
  <si>
    <t>339.463.500,00</t>
  </si>
  <si>
    <t>41.916.829,80</t>
  </si>
  <si>
    <t>38.627.270,90</t>
  </si>
  <si>
    <t xml:space="preserve">   Receitas de Contribuições</t>
  </si>
  <si>
    <t>1.925.956.600,00</t>
  </si>
  <si>
    <t>143.392.064,96</t>
  </si>
  <si>
    <t>145.012.646,77</t>
  </si>
  <si>
    <t xml:space="preserve">      Receitas Previdenciárias</t>
  </si>
  <si>
    <t xml:space="preserve">      Outras Receitas de Contribuições</t>
  </si>
  <si>
    <t xml:space="preserve">   Receita Patrimonial Líquida</t>
  </si>
  <si>
    <t>72.720.900,00</t>
  </si>
  <si>
    <t>10.001.709,04</t>
  </si>
  <si>
    <t>2.305.839,47</t>
  </si>
  <si>
    <t xml:space="preserve">      Receita Patrimonial</t>
  </si>
  <si>
    <t>171.423.500,00</t>
  </si>
  <si>
    <t>36.597.530,73</t>
  </si>
  <si>
    <t>41.026.747,61</t>
  </si>
  <si>
    <t xml:space="preserve">      (-) Aplicações Financeiras</t>
  </si>
  <si>
    <t>38.720.908,14</t>
  </si>
  <si>
    <t xml:space="preserve">   Transferências Correntes</t>
  </si>
  <si>
    <t>454.098.609,91</t>
  </si>
  <si>
    <t>973.040.000,00</t>
  </si>
  <si>
    <t>179.099.139,10</t>
  </si>
  <si>
    <t>162.973.430,82</t>
  </si>
  <si>
    <t xml:space="preserve">      Convênios</t>
  </si>
  <si>
    <t>2.739.952,31</t>
  </si>
  <si>
    <t>2.121.317.500,00</t>
  </si>
  <si>
    <t>309.863.667,62</t>
  </si>
  <si>
    <t>288.385.226,78</t>
  </si>
  <si>
    <t>1.620.514.900,00</t>
  </si>
  <si>
    <t>130.939.903,06</t>
  </si>
  <si>
    <t>146.873.328,34</t>
  </si>
  <si>
    <t xml:space="preserve">      Dívida Ativa</t>
  </si>
  <si>
    <t>1.471.675,44</t>
  </si>
  <si>
    <t xml:space="preserve">      Diversas Receitas Correntes</t>
  </si>
  <si>
    <t>1.606.011.400,00</t>
  </si>
  <si>
    <t>122.516.690,87</t>
  </si>
  <si>
    <t>145.401.652,90</t>
  </si>
  <si>
    <t>RECEITAS DE CAPITAL (II)</t>
  </si>
  <si>
    <t>89.218.009,63</t>
  </si>
  <si>
    <t>Operações de Crédito (III)</t>
  </si>
  <si>
    <t>Amortização de Empréstimos (IV)</t>
  </si>
  <si>
    <t>615.198,14</t>
  </si>
  <si>
    <t>Alienação de Bens  (V)</t>
  </si>
  <si>
    <t>60.357,44</t>
  </si>
  <si>
    <t>Transferências de Capital</t>
  </si>
  <si>
    <t>88.541.429,42</t>
  </si>
  <si>
    <t xml:space="preserve">   Convênios</t>
  </si>
  <si>
    <t>12.315.783,98</t>
  </si>
  <si>
    <t xml:space="preserve">   Outras Transferências de Capital</t>
  </si>
  <si>
    <t>564.322.700,00</t>
  </si>
  <si>
    <t>79.571.341,46</t>
  </si>
  <si>
    <t>76.225.645,44</t>
  </si>
  <si>
    <t>1.024,63</t>
  </si>
  <si>
    <t>RECEITAS PRIMÁRIAS DE CAPITAL (VI) = (II - III - IV - V)</t>
  </si>
  <si>
    <t>88.542.454,05</t>
  </si>
  <si>
    <t>RECEITA PRIMÁRIA TOTAL  (VII) = (I + VI)</t>
  </si>
  <si>
    <t>13.884.905.700,00</t>
  </si>
  <si>
    <t>1.814.834.971,03</t>
  </si>
  <si>
    <t>1.861.800.102,85</t>
  </si>
  <si>
    <t>DESPESAS PRIMÁRIAS</t>
  </si>
  <si>
    <t>DESPESAS CORRENTES (VIII)</t>
  </si>
  <si>
    <t>11.922.266.534,00</t>
  </si>
  <si>
    <t>7.192.864.231,72</t>
  </si>
  <si>
    <t>4.587.636.973,99</t>
  </si>
  <si>
    <t>2.160.374.278,07</t>
  </si>
  <si>
    <t>1.691.965.605,53</t>
  </si>
  <si>
    <t>PESSOAL E ENCARGOS SOCIAIS</t>
  </si>
  <si>
    <t>7.862.031.994,00</t>
  </si>
  <si>
    <t>5.123.768.176,44</t>
  </si>
  <si>
    <t>3.088.812.975,11</t>
  </si>
  <si>
    <t>1.655.527.820,13</t>
  </si>
  <si>
    <t>1.220.002.227,24</t>
  </si>
  <si>
    <t>Juros e Encargos da Dívida (IX)</t>
  </si>
  <si>
    <t>257.895.303,21</t>
  </si>
  <si>
    <t>44.209.544,47</t>
  </si>
  <si>
    <t>OUTRAS DESPESAS CORRENTES</t>
  </si>
  <si>
    <t>3.835.387.940,00</t>
  </si>
  <si>
    <t>1.844.505.518,29</t>
  </si>
  <si>
    <t>1.240.928.695,67</t>
  </si>
  <si>
    <t>486.070.962,08</t>
  </si>
  <si>
    <t>427.753.833,82</t>
  </si>
  <si>
    <t>212.324.620,34</t>
  </si>
  <si>
    <t>173.489.772,44</t>
  </si>
  <si>
    <t>100.056.098,41</t>
  </si>
  <si>
    <t>31.542.407,76</t>
  </si>
  <si>
    <t>44.876.530,54</t>
  </si>
  <si>
    <t xml:space="preserve">   Demais Despesas Correntes</t>
  </si>
  <si>
    <t>3.623.063.319,66</t>
  </si>
  <si>
    <t>1.671.015.745,85</t>
  </si>
  <si>
    <t>1.140.872.597,26</t>
  </si>
  <si>
    <t>454.528.554,32</t>
  </si>
  <si>
    <t>382.877.303,28</t>
  </si>
  <si>
    <t>DESPESAS PRIMÁRIAS CORRENTES (X) = (VIII - IX)</t>
  </si>
  <si>
    <t>11.697.419.934,00</t>
  </si>
  <si>
    <t>6.968.273.694,73</t>
  </si>
  <si>
    <t>4.329.741.670,78</t>
  </si>
  <si>
    <t>2.141.598.782,21</t>
  </si>
  <si>
    <t>1.647.756.061,06</t>
  </si>
  <si>
    <t>DESPESAS DE CAPITAL (XI)</t>
  </si>
  <si>
    <t>1.171.324.898,92</t>
  </si>
  <si>
    <t>170.432.852,66</t>
  </si>
  <si>
    <t>Investimentos</t>
  </si>
  <si>
    <t>497.673.301,82</t>
  </si>
  <si>
    <t>61.976.827,07</t>
  </si>
  <si>
    <t>Inversões Financeiras</t>
  </si>
  <si>
    <t>164.699,40</t>
  </si>
  <si>
    <t xml:space="preserve">   Concessão de Empréstimos (XII)</t>
  </si>
  <si>
    <t xml:space="preserve">   Aquisição de Título de Capital já Integralizado (XIII)</t>
  </si>
  <si>
    <t xml:space="preserve">   Demais Inversões Financeiras</t>
  </si>
  <si>
    <t>408.660,00</t>
  </si>
  <si>
    <t>Amortização da Dívida (XIV)</t>
  </si>
  <si>
    <t>673.486.897,70</t>
  </si>
  <si>
    <t>108.456.025,59</t>
  </si>
  <si>
    <t>DESPESAS PRIMÁRIAS DE CAPITAL (XV) = (XI - XII - XIII - XIV)</t>
  </si>
  <si>
    <t>1.534.019.822,00</t>
  </si>
  <si>
    <t>580.043.091,90</t>
  </si>
  <si>
    <t>112.720.851,55</t>
  </si>
  <si>
    <t>RESERVA DE CONTINGÊNCIA (XVI)</t>
  </si>
  <si>
    <t>3.884.166,00</t>
  </si>
  <si>
    <t>RESERVA DO RPPS (XVII)</t>
  </si>
  <si>
    <t>DESPESA PRIMÁRIA TOTAL (XVIII) = (X + XV + XVI + XVII)</t>
  </si>
  <si>
    <t>13.721.332.522,00</t>
  </si>
  <si>
    <t>7.548.316.786,63</t>
  </si>
  <si>
    <t>4.827.414.972,60</t>
  </si>
  <si>
    <t>2.254.319.633,76</t>
  </si>
  <si>
    <t>1.709.732.888,13</t>
  </si>
  <si>
    <t>RESULTADO PRIMÁRIO (XIX) = (VII - XVIII)</t>
  </si>
  <si>
    <t>163.573.178,00</t>
  </si>
  <si>
    <t>(5.733.481.815,60)</t>
  </si>
  <si>
    <t>(2.965.614.869,75)</t>
  </si>
  <si>
    <t>(439.484.662,73)</t>
  </si>
  <si>
    <t>152.067.214,72</t>
  </si>
  <si>
    <t>SALDO DE EXERCÍCIOS ANTERIORES</t>
  </si>
  <si>
    <t>META DE RESULTADO PRIMÁRIO FIXADA NO ANEXO DE METAS FISCAIS DA LDO P/ O EXERCÍCIO DE REFERÊNCIA</t>
  </si>
  <si>
    <t>826.000.000,00</t>
  </si>
  <si>
    <t>Anexo 7 - Restos a Pagar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6 (b)</t>
  </si>
  <si>
    <t>Pagos (c)</t>
  </si>
  <si>
    <t>Cancelados (d)</t>
  </si>
  <si>
    <t>Saldo e=(a+b)-(c+d)</t>
  </si>
  <si>
    <t>RP Não Processado</t>
  </si>
  <si>
    <t>Inscritos em Exercícios Anteriores (f)</t>
  </si>
  <si>
    <t>Inscritos Em 31 de Dezembro de 2016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>19.064.159,20</t>
  </si>
  <si>
    <t>252.823.278,61</t>
  </si>
  <si>
    <t>161.065.987,78</t>
  </si>
  <si>
    <t>1.626.863,22</t>
  </si>
  <si>
    <t>109.194.586,81</t>
  </si>
  <si>
    <t>29.636.283,70</t>
  </si>
  <si>
    <t>251.384.141,32</t>
  </si>
  <si>
    <t>88.952.475,91</t>
  </si>
  <si>
    <t>66.086.484,06</t>
  </si>
  <si>
    <t>58.483.702,08</t>
  </si>
  <si>
    <t>156.450.238,88</t>
  </si>
  <si>
    <t>265.644.825,69</t>
  </si>
  <si>
    <t xml:space="preserve">   PODER EXECUTIVO</t>
  </si>
  <si>
    <t>18.697.587,58</t>
  </si>
  <si>
    <t>210.368.531,71</t>
  </si>
  <si>
    <t>119.153.733,56</t>
  </si>
  <si>
    <t>1.626.841,22</t>
  </si>
  <si>
    <t>108.285.544,51</t>
  </si>
  <si>
    <t>29.621.054,47</t>
  </si>
  <si>
    <t>198.195.910,26</t>
  </si>
  <si>
    <t>67.010.396,06</t>
  </si>
  <si>
    <t>44.175.030,99</t>
  </si>
  <si>
    <t>56.418.944,51</t>
  </si>
  <si>
    <t>127.222.989,23</t>
  </si>
  <si>
    <t>235.508.533,74</t>
  </si>
  <si>
    <t xml:space="preserve">   PODER LEGISLATIVO</t>
  </si>
  <si>
    <t>15.654.498,95</t>
  </si>
  <si>
    <t>15.137.730,96</t>
  </si>
  <si>
    <t>516.767,99</t>
  </si>
  <si>
    <t>440.629,81</t>
  </si>
  <si>
    <t>335.923,55</t>
  </si>
  <si>
    <t>104.706,26</t>
  </si>
  <si>
    <t>621.474,25</t>
  </si>
  <si>
    <t xml:space="preserve">      Assembleia Legislativa</t>
  </si>
  <si>
    <t>10.127.387,09</t>
  </si>
  <si>
    <t>9.610.619,10</t>
  </si>
  <si>
    <t xml:space="preserve">      Tribunal de Contas do Estado</t>
  </si>
  <si>
    <t>5.527.111,86</t>
  </si>
  <si>
    <t>436.297,12</t>
  </si>
  <si>
    <t>331.590,86</t>
  </si>
  <si>
    <t xml:space="preserve">         FUNTC</t>
  </si>
  <si>
    <t>4.332,69</t>
  </si>
  <si>
    <t xml:space="preserve">   PODER JUDICIÁRIO</t>
  </si>
  <si>
    <t>360.433,49</t>
  </si>
  <si>
    <t>26.415.202,63</t>
  </si>
  <si>
    <t>26.389.477,94</t>
  </si>
  <si>
    <t>22,00</t>
  </si>
  <si>
    <t>386.136,18</t>
  </si>
  <si>
    <t>15.229,23</t>
  </si>
  <si>
    <t>26.677.158,41</t>
  </si>
  <si>
    <t>12.507.858,01</t>
  </si>
  <si>
    <t>12.477.791,23</t>
  </si>
  <si>
    <t>1.717.649,11</t>
  </si>
  <si>
    <t>12.496.947,30</t>
  </si>
  <si>
    <t>12.883.083,48</t>
  </si>
  <si>
    <t xml:space="preserve">      Tribunal de Justiça do Estado</t>
  </si>
  <si>
    <t>347.542,16</t>
  </si>
  <si>
    <t>24.423.594,43</t>
  </si>
  <si>
    <t>24.423.226,34</t>
  </si>
  <si>
    <t>347.888,25</t>
  </si>
  <si>
    <t xml:space="preserve">      FUNJECC</t>
  </si>
  <si>
    <t>12.891,33</t>
  </si>
  <si>
    <t>1.991.608,20</t>
  </si>
  <si>
    <t>1.966.251,60</t>
  </si>
  <si>
    <t>38.247,93</t>
  </si>
  <si>
    <t>12.535.195,23</t>
  </si>
  <si>
    <t xml:space="preserve">   MINISTÉRIO PÚBLICO</t>
  </si>
  <si>
    <t>6.138,13</t>
  </si>
  <si>
    <t>384.445,32</t>
  </si>
  <si>
    <t>24.946.270,51</t>
  </si>
  <si>
    <t>8.166.072,21</t>
  </si>
  <si>
    <t>8.165.512,21</t>
  </si>
  <si>
    <t>347.108,46</t>
  </si>
  <si>
    <t>16.433.649,84</t>
  </si>
  <si>
    <t>16.439.787,97</t>
  </si>
  <si>
    <t xml:space="preserve">      Procuradoria Geral da Justiça</t>
  </si>
  <si>
    <t>10.674.950,18</t>
  </si>
  <si>
    <t>3.944.719,05</t>
  </si>
  <si>
    <t>3.944.159,05</t>
  </si>
  <si>
    <t>317.936,11</t>
  </si>
  <si>
    <t>6.412.855,02</t>
  </si>
  <si>
    <t>6.418.993,15</t>
  </si>
  <si>
    <t xml:space="preserve">      FEADMP/MS</t>
  </si>
  <si>
    <t>14.271.320,33</t>
  </si>
  <si>
    <t>4.221.353,16</t>
  </si>
  <si>
    <t>29.172,35</t>
  </si>
  <si>
    <t>10.020.794,82</t>
  </si>
  <si>
    <t xml:space="preserve">      FUNDROGAS/MS</t>
  </si>
  <si>
    <t xml:space="preserve">   DEFENSORIA PÚBLICA </t>
  </si>
  <si>
    <t>1.124.172,33</t>
  </si>
  <si>
    <t>932.226,08</t>
  </si>
  <si>
    <t>191.946,25</t>
  </si>
  <si>
    <t>RESTOS A PAGAR (Intra-Orçamentários)(II)</t>
  </si>
  <si>
    <t>2.779.229,06</t>
  </si>
  <si>
    <t>111.068.890,17</t>
  </si>
  <si>
    <t>65.046.098,33</t>
  </si>
  <si>
    <t>48.802.020,90</t>
  </si>
  <si>
    <t>826.292,50</t>
  </si>
  <si>
    <t>848.370,88</t>
  </si>
  <si>
    <t>642.199,15</t>
  </si>
  <si>
    <t>203.352,14</t>
  </si>
  <si>
    <t>1.471.311,24</t>
  </si>
  <si>
    <t>50.273.332,14</t>
  </si>
  <si>
    <t xml:space="preserve">   EXECUTIVO</t>
  </si>
  <si>
    <t>101.259.884,49</t>
  </si>
  <si>
    <t>55.254.358,01</t>
  </si>
  <si>
    <t>48.784.755,54</t>
  </si>
  <si>
    <t>50.256.066,78</t>
  </si>
  <si>
    <t xml:space="preserve">   LEGISLATIVO</t>
  </si>
  <si>
    <t>1.763.634,59</t>
  </si>
  <si>
    <t>1.748.593,83</t>
  </si>
  <si>
    <t>15.040,76</t>
  </si>
  <si>
    <t>1.596.878,71</t>
  </si>
  <si>
    <t>1.581.837,95</t>
  </si>
  <si>
    <t>166.755,88</t>
  </si>
  <si>
    <t xml:space="preserve">      FUNTC</t>
  </si>
  <si>
    <t xml:space="preserve">   JUDICIÁRIO</t>
  </si>
  <si>
    <t>7.536.707,64</t>
  </si>
  <si>
    <t>7.534.483,04</t>
  </si>
  <si>
    <t>2.224,60</t>
  </si>
  <si>
    <t>508.663,45</t>
  </si>
  <si>
    <t>TOTAL(III) = (I+II)</t>
  </si>
  <si>
    <t>21.843.388,26</t>
  </si>
  <si>
    <t>363.892.168,78</t>
  </si>
  <si>
    <t>226.112.086,11</t>
  </si>
  <si>
    <t>157.996.607,71</t>
  </si>
  <si>
    <t>30.462.576,20</t>
  </si>
  <si>
    <t>252.232.512,20</t>
  </si>
  <si>
    <t>89.594.675,06</t>
  </si>
  <si>
    <t>58.687.054,22</t>
  </si>
  <si>
    <t>157.921.550,12</t>
  </si>
  <si>
    <t>315.918.157,83</t>
  </si>
  <si>
    <t>Anexo 8 - Educação - MDE</t>
  </si>
  <si>
    <t>Lei 9.394/96 Art. 72</t>
  </si>
  <si>
    <t>RESULTANTE DE IMPOSTOS (CAPUT DO ART. 212 DA CONSTITUIÇÃO)</t>
  </si>
  <si>
    <t>% (c) = (b / a) * 100</t>
  </si>
  <si>
    <t>1- RECEITA DE IMPOSTOS</t>
  </si>
  <si>
    <t>9.387.772.700,00</t>
  </si>
  <si>
    <t>1.592.528.881,20</t>
  </si>
  <si>
    <t>16,96</t>
  </si>
  <si>
    <t xml:space="preserve">   1.1- Receita Resultante do Imposto sobre a Circulação de Mercadorias e Serviços de Transporte Interestadual e Intermunicipal e de Comunicação - ICMS</t>
  </si>
  <si>
    <t>7.873.221.700,00</t>
  </si>
  <si>
    <t>1.122.525.620,01</t>
  </si>
  <si>
    <t>14,26</t>
  </si>
  <si>
    <t xml:space="preserve">      1.1.1- ICMS</t>
  </si>
  <si>
    <t>1.099.025.391,08</t>
  </si>
  <si>
    <t>14,17</t>
  </si>
  <si>
    <t xml:space="preserve">       1.1.2- Multas, Juros de Mora, Divida Ativa e Outros Encargos do ICMS</t>
  </si>
  <si>
    <t>46.027.600,00</t>
  </si>
  <si>
    <t>10.678.565,33</t>
  </si>
  <si>
    <t>23,20</t>
  </si>
  <si>
    <t xml:space="preserve">      1.1.3- Adicional de até 2% do ICMS destinado ao Fundo de Combate à Pobreza (ADCT, art. 82, §1º)</t>
  </si>
  <si>
    <t>70.019.800,00</t>
  </si>
  <si>
    <t>12.821.663,60</t>
  </si>
  <si>
    <t>18,31</t>
  </si>
  <si>
    <t xml:space="preserve">   1.2- Receita Resultante do Imposto de Transmissão Causa Mortis e Doação de Bens e Direitos – ITCD</t>
  </si>
  <si>
    <t>191.126.600,00</t>
  </si>
  <si>
    <t>14.306.350,02</t>
  </si>
  <si>
    <t>7,49</t>
  </si>
  <si>
    <t xml:space="preserve">      1.2.1- ITCD</t>
  </si>
  <si>
    <t>14.231.433,80</t>
  </si>
  <si>
    <t>7,46</t>
  </si>
  <si>
    <t xml:space="preserve">      1.2.2- Multas, Juros de Mora, Dívida Ativa e Outros Encargos do ITCD</t>
  </si>
  <si>
    <t>378.800,00</t>
  </si>
  <si>
    <t>74.916,22</t>
  </si>
  <si>
    <t>19,78</t>
  </si>
  <si>
    <t xml:space="preserve">   1.3- Receita Resultante do Imposto sobre a Propriedade de Veículos Automotores – IPVA</t>
  </si>
  <si>
    <t>549.724.400,00</t>
  </si>
  <si>
    <t>316.772.466,40</t>
  </si>
  <si>
    <t>57,62</t>
  </si>
  <si>
    <t xml:space="preserve">      1.3.1- IPVA</t>
  </si>
  <si>
    <t>311.643.516,62</t>
  </si>
  <si>
    <t>58,28</t>
  </si>
  <si>
    <t xml:space="preserve">      1.3.2- Multas, Juros de Mora, Dívida Ativa e Outros Encargos do IPVA</t>
  </si>
  <si>
    <t>14.953.000,00</t>
  </si>
  <si>
    <t>5.128.949,78</t>
  </si>
  <si>
    <t>34,30</t>
  </si>
  <si>
    <t xml:space="preserve">    1.4- Receita Resultante do Imposto sobre a Renda e Proventos de Qualquer Natureza Retido na Fonte – IRRF</t>
  </si>
  <si>
    <t>17,96</t>
  </si>
  <si>
    <t>2- RECEITA DE TRANSFERÊNCIAS CONSTITUCIONAIS E LEGAIS</t>
  </si>
  <si>
    <t>1.357.900.000,00</t>
  </si>
  <si>
    <t>241.563.338,50</t>
  </si>
  <si>
    <t>46,92</t>
  </si>
  <si>
    <t xml:space="preserve">   2.1- Cota-Parte FPE</t>
  </si>
  <si>
    <t>223.873.923,81</t>
  </si>
  <si>
    <t>18,41</t>
  </si>
  <si>
    <t xml:space="preserve">   2.2- ICMS-Desoneração - L.C. nº87/1996</t>
  </si>
  <si>
    <t>3.009.459,38</t>
  </si>
  <si>
    <t>16,63</t>
  </si>
  <si>
    <t xml:space="preserve">   2.3- Cota-Parte IPI-Exportação</t>
  </si>
  <si>
    <t>14.679.955,31</t>
  </si>
  <si>
    <t>11,89</t>
  </si>
  <si>
    <t xml:space="preserve">   2.4- Cota-Parte IOF-Ouro</t>
  </si>
  <si>
    <t>3- DEDUÇÕES DE TRANSFERÊNCIAS CONSTITUCIONAIS AOS MUNICÍPIOS</t>
  </si>
  <si>
    <t>2.256.537.675,00</t>
  </si>
  <si>
    <t>2.258.364.730,65</t>
  </si>
  <si>
    <t>439.482.211,13</t>
  </si>
  <si>
    <t>83,35</t>
  </si>
  <si>
    <t>3.1- PARCELA DO ICMS REPASSADA AOS MUNICÍPIOS (25% de (1.1 - 1.1.3))</t>
  </si>
  <si>
    <t>1.950.800.475,00</t>
  </si>
  <si>
    <t>277.425.989,10</t>
  </si>
  <si>
    <t>14,22</t>
  </si>
  <si>
    <t xml:space="preserve"> 3.2- PARCELA DO IPVA REPASSADA AOS MUNICÍPIOS (50% de 1.3)</t>
  </si>
  <si>
    <t>274.862.200,00</t>
  </si>
  <si>
    <t>276.689.255,65</t>
  </si>
  <si>
    <t>158.386.233,20</t>
  </si>
  <si>
    <t>57,24</t>
  </si>
  <si>
    <t>3.3- PARCELA DA COTA-PARTE DO IPI-EXPORTAÇÃO REPASSADA AOS MUNICÍPIOS (25% de 2.3)</t>
  </si>
  <si>
    <t>30.875.000,00</t>
  </si>
  <si>
    <t>3.669.988,83</t>
  </si>
  <si>
    <t>4- TOTAL DA RECEITA LÍQUIDA DE IMPOSTOS (1 + 2 - 3)</t>
  </si>
  <si>
    <t>8.489.135.025,00</t>
  </si>
  <si>
    <t>8.487.307.969,35</t>
  </si>
  <si>
    <t>1.394.610.008,57</t>
  </si>
  <si>
    <t>16,43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>107.855.200,00</t>
  </si>
  <si>
    <t>4.184.958,58</t>
  </si>
  <si>
    <t>3,88</t>
  </si>
  <si>
    <t>6.1- Transferências do Salário-Educação</t>
  </si>
  <si>
    <t>4.108.312,59</t>
  </si>
  <si>
    <t>6.2- Transferências Diretas – PDDE</t>
  </si>
  <si>
    <t>6.3- Transferências Diretas – PNAE</t>
  </si>
  <si>
    <t>17.915.000,00</t>
  </si>
  <si>
    <t>6.4 - Transferências Diretas – PNATE</t>
  </si>
  <si>
    <t>182.000,00</t>
  </si>
  <si>
    <t>6.5- Outras Transferências do FNDE</t>
  </si>
  <si>
    <t>33.837.600,00</t>
  </si>
  <si>
    <t>6.6- Aplicação Financeira dos Recursos do FNDE</t>
  </si>
  <si>
    <t>947.600,00</t>
  </si>
  <si>
    <t>76.645,99</t>
  </si>
  <si>
    <t>8,09</t>
  </si>
  <si>
    <t>7- RECEITA DE TRANSFERÊNCIAS DE CONVÊNIOS</t>
  </si>
  <si>
    <t>46.354.000,00</t>
  </si>
  <si>
    <t>72.605,81</t>
  </si>
  <si>
    <t>7.1- Transferências de Convênios</t>
  </si>
  <si>
    <t>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154.209.200,00</t>
  </si>
  <si>
    <t>4.257.564,39</t>
  </si>
  <si>
    <t>2,76</t>
  </si>
  <si>
    <t>RECEITAS DO FUNDEB</t>
  </si>
  <si>
    <t>11- RECEITAS DESTINADAS AO FUNDEB</t>
  </si>
  <si>
    <t>1.543.087.005,00</t>
  </si>
  <si>
    <t>1.543.452.416,13</t>
  </si>
  <si>
    <t>251.137.112,76</t>
  </si>
  <si>
    <t>16,27</t>
  </si>
  <si>
    <t xml:space="preserve"> 11.1- Receita Resultante do ICMS Destinada ao FUNDEB – (20% de (1.1 – 3.1))</t>
  </si>
  <si>
    <t>1.184.484.245,00</t>
  </si>
  <si>
    <t>169.019.926,18</t>
  </si>
  <si>
    <t>14,27</t>
  </si>
  <si>
    <t>11.2- Receita Resultante do ITCD Destinada ao FUNDEB – (20% de 1.2)</t>
  </si>
  <si>
    <t>38.225.320,00</t>
  </si>
  <si>
    <t>2.861.270,00</t>
  </si>
  <si>
    <t>11.3- Receita Resultante do IPVA Destinada ao FUNDEB – (20% de (1.3 – 3.2)</t>
  </si>
  <si>
    <t>54.972.440,00</t>
  </si>
  <si>
    <t>55.337.851,13</t>
  </si>
  <si>
    <t>31.677.246,64</t>
  </si>
  <si>
    <t>11.4- Cota-Parte FPE Destinada ao FUNDEB – (20% de 2.1)</t>
  </si>
  <si>
    <t>243.260.000,00</t>
  </si>
  <si>
    <t>44.774.784,76</t>
  </si>
  <si>
    <t>11.5- ICMS-Desoneração Destinada ao FUNDEB – (20% de 2.2)</t>
  </si>
  <si>
    <t>3.620.000,00</t>
  </si>
  <si>
    <t>601.891,88</t>
  </si>
  <si>
    <t>11.6- Cota-Parte IPI Exportação Destinada ao FUNDEB – (20% de (2.3 – 3.3))</t>
  </si>
  <si>
    <t>18.525.000,00</t>
  </si>
  <si>
    <t>2.201.993,30</t>
  </si>
  <si>
    <t>12- RECEITAS RECEBIDAS DO FUNDEB</t>
  </si>
  <si>
    <t>940.462.000,00</t>
  </si>
  <si>
    <t>150.171.407,49</t>
  </si>
  <si>
    <t>15,97</t>
  </si>
  <si>
    <t>12.1- Transferências de Recursos do FUNDEB</t>
  </si>
  <si>
    <t>149.778.348,48</t>
  </si>
  <si>
    <t>12.2- Complementação da União ao FUNDEB</t>
  </si>
  <si>
    <t>12.3- Receita de Aplicação Financeira dos Recursos do FUNDEB</t>
  </si>
  <si>
    <t>2.715.900,00</t>
  </si>
  <si>
    <t>393.059,01</t>
  </si>
  <si>
    <t>14,47</t>
  </si>
  <si>
    <t>13- RESULTADO LÍQUIDO DAS TRANSFERÊNCIAS DO FUNDEB (12.1 – 11)</t>
  </si>
  <si>
    <t>(605.340.905,00)</t>
  </si>
  <si>
    <t>(605.706.316,13)</t>
  </si>
  <si>
    <t>(101.358.764,28)</t>
  </si>
  <si>
    <t>16,73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>930.462.000,00</t>
  </si>
  <si>
    <t>221.129.175,78</t>
  </si>
  <si>
    <t>47,53</t>
  </si>
  <si>
    <t>210.457.451,86</t>
  </si>
  <si>
    <t>45,24</t>
  </si>
  <si>
    <t xml:space="preserve">   14.1- Com Ensino Fundamental</t>
  </si>
  <si>
    <t>558.277.200,00</t>
  </si>
  <si>
    <t>132.677.505,47</t>
  </si>
  <si>
    <t>23,77</t>
  </si>
  <si>
    <t>126.274.471,12</t>
  </si>
  <si>
    <t>22,62</t>
  </si>
  <si>
    <t xml:space="preserve">   14.2- Com Ensino Médio</t>
  </si>
  <si>
    <t>372.184.800,00</t>
  </si>
  <si>
    <t>88.451.670,31</t>
  </si>
  <si>
    <t>84.182.980,74</t>
  </si>
  <si>
    <t>15- OUTRAS DESPESAS</t>
  </si>
  <si>
    <t>10.000.000,00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Valor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140,14</t>
  </si>
  <si>
    <t>20.2 - Máximo de 40% em Despesa com MDE, que não Remuneração do Magistério (15 - (17.2 + 18.2)) / (12) x 100) %</t>
  </si>
  <si>
    <t>20.3 - Máximo de 5% não Aplicado no Exercício (100 - (20.1 + 20.2)) %</t>
  </si>
  <si>
    <t>(40,14)</t>
  </si>
  <si>
    <t>CONTROLE DA UTILIZAÇÃO DE RECURSOS NO EXERCÍCIO SUBSEQUENTE</t>
  </si>
  <si>
    <t>21- RECURSOS RECEBIDOS DO FUNDEB EM 2016 QUE NÃO FORAM UTILIZADOS</t>
  </si>
  <si>
    <t>22 – DESPESAS CUSTEADAS COM O SALDO DO ITEM 21 ATÉ O 1º TRIMESTRE DE 2017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>587.462.200,00</t>
  </si>
  <si>
    <t>579.372.200,00</t>
  </si>
  <si>
    <t>134.697.381,47</t>
  </si>
  <si>
    <t>23,25</t>
  </si>
  <si>
    <t>126.997.222,42</t>
  </si>
  <si>
    <t>21,92</t>
  </si>
  <si>
    <t xml:space="preserve">   24.1- Despesas Custeadas com Recursos do FUNDEB</t>
  </si>
  <si>
    <t>568.277.200,00</t>
  </si>
  <si>
    <t>23,35</t>
  </si>
  <si>
    <t>22,22</t>
  </si>
  <si>
    <t xml:space="preserve">   24.2- Despesas Custeadas com Outros Recursos de Impostos</t>
  </si>
  <si>
    <t>19.185.000,00</t>
  </si>
  <si>
    <t>11.095.000,00</t>
  </si>
  <si>
    <t>2.019.876,00</t>
  </si>
  <si>
    <t>18,21</t>
  </si>
  <si>
    <t>6,51</t>
  </si>
  <si>
    <t>25- ENSINO MÉDIO</t>
  </si>
  <si>
    <t>389.467.800,00</t>
  </si>
  <si>
    <t>387.378.220,00</t>
  </si>
  <si>
    <t>95.058.590,31</t>
  </si>
  <si>
    <t>24,54</t>
  </si>
  <si>
    <t>85.300.900,74</t>
  </si>
  <si>
    <t>22,02</t>
  </si>
  <si>
    <t xml:space="preserve">   25.1- Despesas Custeadas com Recursos do FUNDEB</t>
  </si>
  <si>
    <t xml:space="preserve">   25.2- Despesas Custeadas com Outros Recursos de Impostos</t>
  </si>
  <si>
    <t>17.283.000,00</t>
  </si>
  <si>
    <t>15.193.420,00</t>
  </si>
  <si>
    <t>43,49</t>
  </si>
  <si>
    <t>7,36</t>
  </si>
  <si>
    <t>26- ENSINO SUPERIOR</t>
  </si>
  <si>
    <t>17.696.700,00</t>
  </si>
  <si>
    <t>771.508,85</t>
  </si>
  <si>
    <t>4,36</t>
  </si>
  <si>
    <t>301.011,98</t>
  </si>
  <si>
    <t>1,70</t>
  </si>
  <si>
    <t>27- ENSINO PROFISSIONAL NÃO INTEGRADO AO ENSINO REGULAR</t>
  </si>
  <si>
    <t>4.089.000,00</t>
  </si>
  <si>
    <t>63.120,64</t>
  </si>
  <si>
    <t>1,54</t>
  </si>
  <si>
    <t>28- OUTRAS</t>
  </si>
  <si>
    <t>534.226.600,00</t>
  </si>
  <si>
    <t>550.608.180,00</t>
  </si>
  <si>
    <t>334.156.648,85</t>
  </si>
  <si>
    <t>60,69</t>
  </si>
  <si>
    <t>165.205.539,62</t>
  </si>
  <si>
    <t>30,00</t>
  </si>
  <si>
    <t>29- TOTAL DAS DESPESAS COM AÇÕES TÍPICAS DE MDE (23 + 24 + 25 + 26 + 27 + 28)</t>
  </si>
  <si>
    <t>1.532.942.300,00</t>
  </si>
  <si>
    <t>1.539.144.300,00</t>
  </si>
  <si>
    <t>564.747.250,12</t>
  </si>
  <si>
    <t>36,69</t>
  </si>
  <si>
    <t>377.804.674,76</t>
  </si>
  <si>
    <t>24,55</t>
  </si>
  <si>
    <t>DEDUÇÕES CONSIDERADAS PARA FINS DE LIMITE CONSTITUCIONAL</t>
  </si>
  <si>
    <t>30- RESULTADO LÍQUIDO DAS TRANSFERÊNCIAS DO FUNDEB = (13)</t>
  </si>
  <si>
    <t>31- DESPESAS CUSTEADAS COM A COMPLEMENTAÇÃO DO FUNDEB NO EXERCÍCIO</t>
  </si>
  <si>
    <t>32- RECEITA DE APLICAÇÃO FINANCEIRA DOS RECURSOS DO FUNDEB ATÉ O BIMESTRE = (50)</t>
  </si>
  <si>
    <t>33- DESPESAS CUSTEADAS COM O SUPERÁVIT FINANCEIRO, DO EXERCÍCIO ANTERIOR, DO FUNDEB</t>
  </si>
  <si>
    <t>34- DESPESAS CUSTEADAS COM O SUPERÁVIT FINANCEIRO, DO EXERCÍCIO ANTERIOR, DE OUTROS RECURSOS DE IMPOSTOS</t>
  </si>
  <si>
    <t>35- RESTOS A PAGAR INSCRITOS NO EXERCÍCIO SEM DISPONIBILIDADE FINANCEIRA DE RECURSOS DE IMPOSTOS VINCULADOS AO ENSINO³</t>
  </si>
  <si>
    <t>36- CANCELAMENTO, NO EXERCÍCIO, DE RESTOS A PAGAR INSCRITOS COM DISPONIBILIDADE FINANCEIRA DE RECURSOS DE IMPOSTOS VINCULADOS AO ENSINO = (51 g)</t>
  </si>
  <si>
    <t>12.885.100,51</t>
  </si>
  <si>
    <t>37- TOTAL DAS DEDUÇÕES CONSIDERADAS PARA FINS DO LIMITE CONSTITUCIONAL (30 + 31 + 32 + 33 + 34 + 35 + 36)</t>
  </si>
  <si>
    <t>(88.080.604,76)</t>
  </si>
  <si>
    <t>38- TOTAL DAS DESPESAS PARA FINS DE LIMITE (29 – 37)</t>
  </si>
  <si>
    <t>465.885.279,52</t>
  </si>
  <si>
    <t>39- PERCENTUAL DE APLICAÇÃO EM MDE SOBRE A RECEITA LÍQUIDA DE IMPOSTOS (38 / 4 x 100) % - LIMITE CONSTITUCIONAL 25%***4 e 5</t>
  </si>
  <si>
    <t>33,41</t>
  </si>
  <si>
    <t xml:space="preserve">OUTRAS DESPESAS CUSTEADAS COM RECEITAS ADICIONAIS PARA FINANCIAMENTO DO ENSINO </t>
  </si>
  <si>
    <t xml:space="preserve">Até o Bimestre (g) </t>
  </si>
  <si>
    <t>40- DESPESAS CUSTEADAS COM A APLICAÇÃO FINANCEIRA DE OUTROS RECURSOS DE IMPOSTOS VINCULADOS AO ENSINO</t>
  </si>
  <si>
    <t>41- DESPESAS CUSTEADAS COM A CONTRIBUIÇÃO SOCIAL DO SALÁRIO-EDUCAÇÃO</t>
  </si>
  <si>
    <t>55.834.800,00</t>
  </si>
  <si>
    <t>11.005.023,62</t>
  </si>
  <si>
    <t>19,71</t>
  </si>
  <si>
    <t>1.530.603,38</t>
  </si>
  <si>
    <t>2,74</t>
  </si>
  <si>
    <t>42- DESPESAS CUSTEADAS COM OPERAÇÕES DE CRÉDITO</t>
  </si>
  <si>
    <t>43- DESPESAS CUSTEADAS COM OUTRAS RECEITAS PARA FINANCIAMENTO DO ENSINO</t>
  </si>
  <si>
    <t>82.432.100,00</t>
  </si>
  <si>
    <t>8.670.863,86</t>
  </si>
  <si>
    <t>10,52</t>
  </si>
  <si>
    <t>844.468,79</t>
  </si>
  <si>
    <t>1,02</t>
  </si>
  <si>
    <t>44- TOTAL DAS OUTRAS DESPESAS CUSTEADAS COM RECEITAS ADICIONAIS PARA FINANCIAMENTO DO ENSINO (40 + 41 + 42 + 43)</t>
  </si>
  <si>
    <t>138.266.900,00</t>
  </si>
  <si>
    <t>19.675.887,48</t>
  </si>
  <si>
    <t>14,23</t>
  </si>
  <si>
    <t>2.375.072,17</t>
  </si>
  <si>
    <t>45- TOTAL GERAL DAS DESPESAS COM EDUCAÇÃO</t>
  </si>
  <si>
    <t>1.671.209.200,00</t>
  </si>
  <si>
    <t>1.677.411.200,00</t>
  </si>
  <si>
    <t>584.423.137,60</t>
  </si>
  <si>
    <t>34,84</t>
  </si>
  <si>
    <t>380.179.746,93</t>
  </si>
  <si>
    <t>22,66</t>
  </si>
  <si>
    <t>RESTOS A PAGAR INSCRITOS COM DISPONIBILIDADE FINANCEIRA_x000D_
DE RECURSOS DE IMPOSTOS VINCULADOS AO ENSINO</t>
  </si>
  <si>
    <t>Saldo Até o Bimestre</t>
  </si>
  <si>
    <t>Cancelado em 2017 (j)</t>
  </si>
  <si>
    <t>46- RESTOS A PAGAR DE DESPESAS COM MDE</t>
  </si>
  <si>
    <t>46.692.999,15</t>
  </si>
  <si>
    <t>46.1 - Executadas com Recursos de Impostos Vinculados ao Ensino</t>
  </si>
  <si>
    <t>41.040.176,39</t>
  </si>
  <si>
    <t>2.241.756,08</t>
  </si>
  <si>
    <t xml:space="preserve">46.2 - Executadas com Recursos do FUNDEB </t>
  </si>
  <si>
    <t>5.652.822,76</t>
  </si>
  <si>
    <t>10.643.344,43</t>
  </si>
  <si>
    <t>CONTROLE DA DISPONIBILIDADE FINANCEIRA</t>
  </si>
  <si>
    <t>FUNDEB</t>
  </si>
  <si>
    <t>SALÁRIO EDUCAÇÃO</t>
  </si>
  <si>
    <t>47- SALDO FINANCEIRO EM 31 DE DEZEMBRO DE 2016</t>
  </si>
  <si>
    <t>94.425.220,52</t>
  </si>
  <si>
    <t>8.292.788,52</t>
  </si>
  <si>
    <t>48- (+) INGRESSO DE RECURSOS ATÉ O BIMESTRE</t>
  </si>
  <si>
    <t>88.751.325,90</t>
  </si>
  <si>
    <t>49- (-) PAGAMENTOS EFETUADOS ATÉ O BIMESTRE</t>
  </si>
  <si>
    <t>150.879.919,31</t>
  </si>
  <si>
    <t>1.656.094,65</t>
  </si>
  <si>
    <t xml:space="preserve">   49.1 Orçamento do Exercício</t>
  </si>
  <si>
    <t>150.286.376,97</t>
  </si>
  <si>
    <t>1.639.632,67</t>
  </si>
  <si>
    <t xml:space="preserve">   49.2 Restos a Pagar</t>
  </si>
  <si>
    <t>593.542,34</t>
  </si>
  <si>
    <t>16.461,98</t>
  </si>
  <si>
    <t>50- (+) RECEITA DE APLICAÇÃO FINANCEIRA DOS RECURSOS ATÉ O BIMESTRE</t>
  </si>
  <si>
    <t>110.149,03</t>
  </si>
  <si>
    <t>51- (=) DISPONIBILIDADE FINANCEIRA ATÉ O BIMESTRE</t>
  </si>
  <si>
    <t>93.716.708,70</t>
  </si>
  <si>
    <t>95.498.168,80</t>
  </si>
  <si>
    <t>52-  (+) Ajustes</t>
  </si>
  <si>
    <t>52.1 Retenções</t>
  </si>
  <si>
    <t>52.2 Conciliação Bancária</t>
  </si>
  <si>
    <t>53- (=) SALDO FINANCEIRO CONCILIADO</t>
  </si>
  <si>
    <t>Anexo 12 - Saúde</t>
  </si>
  <si>
    <t>LC 141/2012, art. 35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>7.827.194.100,00</t>
  </si>
  <si>
    <t>1.111.847.054,68</t>
  </si>
  <si>
    <t>14,20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>48.923.600,00</t>
  </si>
  <si>
    <t>7.662.095,97</t>
  </si>
  <si>
    <t>15,66</t>
  </si>
  <si>
    <t xml:space="preserve">    Divida Ativa dos Impostos</t>
  </si>
  <si>
    <t>12.435.800,00</t>
  </si>
  <si>
    <t>8.220.335,36</t>
  </si>
  <si>
    <t>66,10</t>
  </si>
  <si>
    <t xml:space="preserve">   Multas, Juros de Mora e Outros Encargos da Dívida Ativa  </t>
  </si>
  <si>
    <t xml:space="preserve">RECEITA DE TRANSFERÊNCIAS CONSTITUCIONAIS E LEGAIS (II) </t>
  </si>
  <si>
    <t>17,79</t>
  </si>
  <si>
    <t xml:space="preserve">   Cota-Parte do FPE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>2.274.042.625,00</t>
  </si>
  <si>
    <t>442.687.627,03</t>
  </si>
  <si>
    <t>19,47</t>
  </si>
  <si>
    <t xml:space="preserve">   Parcela do ICMS Repassada aos Municípios</t>
  </si>
  <si>
    <t>1.968.305.425,00</t>
  </si>
  <si>
    <t>280.631.405,00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>8.471.630.075,00</t>
  </si>
  <si>
    <t>1.391.404.592,67</t>
  </si>
  <si>
    <t>16,42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>294.257.900,00</t>
  </si>
  <si>
    <t>37.300.791,50</t>
  </si>
  <si>
    <t>12,68</t>
  </si>
  <si>
    <t xml:space="preserve">   Provenientes da União</t>
  </si>
  <si>
    <t>210.561.100,00</t>
  </si>
  <si>
    <t>22.409.038,89</t>
  </si>
  <si>
    <t>10,64</t>
  </si>
  <si>
    <t xml:space="preserve">   Provenientes de Outros Estados</t>
  </si>
  <si>
    <t xml:space="preserve">   Provenientes de Municípios</t>
  </si>
  <si>
    <t xml:space="preserve">   Outras Receitas do SUS</t>
  </si>
  <si>
    <t>83.696.800,00</t>
  </si>
  <si>
    <t>14.891.752,61</t>
  </si>
  <si>
    <t>TRANSFERÊNCIAS VOLUNTÁRIAS</t>
  </si>
  <si>
    <t>129.500,00</t>
  </si>
  <si>
    <t>RECEITAS DE OPERAÇÕES DE CRÉDITO VINCULADAS À SAÚDE</t>
  </si>
  <si>
    <t>OUTRAS RECEITAS PARA FINANCIAMENTO DA SAÚDE</t>
  </si>
  <si>
    <t>TOTAL RECEITAS ADICIONAIS PARA FINANCIAMENTO DA SAÚDE</t>
  </si>
  <si>
    <t>294.387.400,00</t>
  </si>
  <si>
    <t>12,67</t>
  </si>
  <si>
    <t xml:space="preserve">DESPESAS COM SAÚDE (POR GRUPO DE NATUREZA DA DESPESA) </t>
  </si>
  <si>
    <t xml:space="preserve"> %  (f / e) x 100  </t>
  </si>
  <si>
    <t>%  (g / e) x 100</t>
  </si>
  <si>
    <t>1.248.144.100,00</t>
  </si>
  <si>
    <t>1.361.349.798,00</t>
  </si>
  <si>
    <t>799.527.607,34</t>
  </si>
  <si>
    <t>58,73</t>
  </si>
  <si>
    <t>125.686.861,33</t>
  </si>
  <si>
    <t>9,23</t>
  </si>
  <si>
    <t xml:space="preserve">   Pessoal e Encargos Sociais</t>
  </si>
  <si>
    <t>361.672.400,00</t>
  </si>
  <si>
    <t>350.318.238,00</t>
  </si>
  <si>
    <t>284.903.274,30</t>
  </si>
  <si>
    <t>81,33</t>
  </si>
  <si>
    <t>63.146.330,97</t>
  </si>
  <si>
    <t>18,03</t>
  </si>
  <si>
    <t xml:space="preserve">   Juros e Encargos da Dívida</t>
  </si>
  <si>
    <t>1.064.433,55</t>
  </si>
  <si>
    <t>96,77</t>
  </si>
  <si>
    <t>121.856,32</t>
  </si>
  <si>
    <t>11,08</t>
  </si>
  <si>
    <t xml:space="preserve">   Outras Despesas Correntes</t>
  </si>
  <si>
    <t>885.371.700,00</t>
  </si>
  <si>
    <t>1.009.931.560,00</t>
  </si>
  <si>
    <t>513.559.899,49</t>
  </si>
  <si>
    <t>50,85</t>
  </si>
  <si>
    <t>62.418.674,04</t>
  </si>
  <si>
    <t>6,18</t>
  </si>
  <si>
    <t>140.261.900,00</t>
  </si>
  <si>
    <t>162.926.027,00</t>
  </si>
  <si>
    <t>14.150.092,16</t>
  </si>
  <si>
    <t>8,68</t>
  </si>
  <si>
    <t>625.374,88</t>
  </si>
  <si>
    <t>0,38</t>
  </si>
  <si>
    <t xml:space="preserve">   Investimentos</t>
  </si>
  <si>
    <t>137.699.000,00</t>
  </si>
  <si>
    <t>160.363.127,00</t>
  </si>
  <si>
    <t>11.588.198,92</t>
  </si>
  <si>
    <t>7,23</t>
  </si>
  <si>
    <t>352.568,42</t>
  </si>
  <si>
    <t xml:space="preserve">   Inversões Financeiras</t>
  </si>
  <si>
    <t>900,00</t>
  </si>
  <si>
    <t xml:space="preserve">   Amortização da Dívida</t>
  </si>
  <si>
    <t>2.562.000,00</t>
  </si>
  <si>
    <t>2.561.893,24</t>
  </si>
  <si>
    <t>272.806,46</t>
  </si>
  <si>
    <t>10,65</t>
  </si>
  <si>
    <t>TOTAL DAS DESPESAS COM SAÚDE (V)</t>
  </si>
  <si>
    <t>1.388.406.000,00</t>
  </si>
  <si>
    <t>1.524.275.825,00</t>
  </si>
  <si>
    <t>813.677.699,50</t>
  </si>
  <si>
    <t>53,38</t>
  </si>
  <si>
    <t>126.312.236,21</t>
  </si>
  <si>
    <t>8,29</t>
  </si>
  <si>
    <t xml:space="preserve">DESPESAS COM SAÚDE NÃO COMPUTADAS PARA FINS DE APURAÇÃO DO PERCENTUAL MÍNIMO </t>
  </si>
  <si>
    <t xml:space="preserve">% (h / IVf) x 100  </t>
  </si>
  <si>
    <t>Até o Bimestre (i)</t>
  </si>
  <si>
    <t>% (i / IVg) x 100</t>
  </si>
  <si>
    <t>DESPESAS COM INATIVOS E PENSIONISTAS</t>
  </si>
  <si>
    <t>DESPESA COM ASSISTÊNCIA À SAÚDE QUE NÃO ATENDE AO PRINCÍPIO DE ACESSO UNIVERSAL</t>
  </si>
  <si>
    <t>DESPESAS CUSTEADAS COM OUTROS RECURSOS</t>
  </si>
  <si>
    <t>294.458.900,00</t>
  </si>
  <si>
    <t>311.601.825,00</t>
  </si>
  <si>
    <t>66.104.161,16</t>
  </si>
  <si>
    <t>8,12</t>
  </si>
  <si>
    <t>12.585.896,98</t>
  </si>
  <si>
    <t>9,96</t>
  </si>
  <si>
    <t>Recursos de Transferência do Sistema Único de Saúde - SUS</t>
  </si>
  <si>
    <t>215.854.800,00</t>
  </si>
  <si>
    <t>232.797.725,00</t>
  </si>
  <si>
    <t>46.043.216,11</t>
  </si>
  <si>
    <t>5,66</t>
  </si>
  <si>
    <t>5.696.737,38</t>
  </si>
  <si>
    <t>Recursos de Operações de Crédito</t>
  </si>
  <si>
    <t>200.000,00</t>
  </si>
  <si>
    <t>Outros Recursos</t>
  </si>
  <si>
    <t>78.604.100,00</t>
  </si>
  <si>
    <t>19.860.945,05</t>
  </si>
  <si>
    <t>2,44</t>
  </si>
  <si>
    <t>6.889.159,60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>TOTAL DAS DESPESAS COM AÇÕES E SERVIÇOS PÚBLICOS DE SAÚDE (VII) = (V - VI)</t>
  </si>
  <si>
    <t>1.093.947.100,00</t>
  </si>
  <si>
    <t>1.212.674.000,00</t>
  </si>
  <si>
    <t>747.573.538,34</t>
  </si>
  <si>
    <t>91,88</t>
  </si>
  <si>
    <t>113.726.339,23</t>
  </si>
  <si>
    <t>90,04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8,17</t>
  </si>
  <si>
    <t>VALOR REFERENTE À DIFERENÇA ENTRE O VALOR EXECUTADO E O LIMITE MÍNIMO CONSTITUCIONAL [(VII - 12)/100 X IIIB]</t>
  </si>
  <si>
    <t>VALOR REFERENTE À DIFERENÇA ENTRE O VALOR EXECUTADO E O LIMITE MÍNIMO CONSTITUCIONAL  [VII(h ou i) - (12 x IVb)/100]***6</t>
  </si>
  <si>
    <t>(53.242.211,89)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7</t>
  </si>
  <si>
    <t>Inscritos em 2016</t>
  </si>
  <si>
    <t>11.503.836,41</t>
  </si>
  <si>
    <t>169.270,41</t>
  </si>
  <si>
    <t>1.534.356,62</t>
  </si>
  <si>
    <t>9.800.209,38</t>
  </si>
  <si>
    <t>Inscritos em 2015</t>
  </si>
  <si>
    <t>702.262,29</t>
  </si>
  <si>
    <t>148.002,07</t>
  </si>
  <si>
    <t>Inscritos em 2014</t>
  </si>
  <si>
    <t>299.161,27</t>
  </si>
  <si>
    <t>Inscritos em 2013</t>
  </si>
  <si>
    <t>Inscritos em Exercícios Anteriores a Referência 2013</t>
  </si>
  <si>
    <t>826.671,31</t>
  </si>
  <si>
    <t>13.331.931,28</t>
  </si>
  <si>
    <t>11.628.304,25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 xml:space="preserve">Restos a Pagar Cancelados ou Prescritos em 2014 </t>
  </si>
  <si>
    <t xml:space="preserve">Restos a Pagar Cancelados ou Prescritos em 2013 </t>
  </si>
  <si>
    <t>Total (IX)</t>
  </si>
  <si>
    <t>CONTROLE DO VALOR REFERENTE AO PERCENTUAL MÍNIMO NÃO CUMPRIDO EM EXERCÍCIOS ANTERIORES PARA FINS DE APLICAÇÃO DOS RECURSOS VINCULADOS CONFORME ARTIGOS 25 E 26</t>
  </si>
  <si>
    <t>RECURSOS VINCULADOS À DIFERENÇA DE LIMITE NÃO CUMPRIDO</t>
  </si>
  <si>
    <t>Desp. custeadas no exerc. de referência (k)</t>
  </si>
  <si>
    <t>Diferença de limite não cumprido em 2016</t>
  </si>
  <si>
    <t>Diferença de limite não cumprido em 2015</t>
  </si>
  <si>
    <t>Diferença de limite não cumprido em 2014</t>
  </si>
  <si>
    <t>Diferença de limite não cumprido em 2013</t>
  </si>
  <si>
    <t>Diferença de limite não cumprido em 2012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66.847.500,00</t>
  </si>
  <si>
    <t>63.599.700,00</t>
  </si>
  <si>
    <t>6,94</t>
  </si>
  <si>
    <t>Assistência Hospitalar e Ambulatorial</t>
  </si>
  <si>
    <t>865.626.100,00</t>
  </si>
  <si>
    <t>857.094.005,00</t>
  </si>
  <si>
    <t>376.027.864,72</t>
  </si>
  <si>
    <t>46,21</t>
  </si>
  <si>
    <t>60.178.996,98</t>
  </si>
  <si>
    <t>47,64</t>
  </si>
  <si>
    <t>Suporte Profilático e Terapêutico</t>
  </si>
  <si>
    <t>85.532.700,00</t>
  </si>
  <si>
    <t>74.387.700,00</t>
  </si>
  <si>
    <t>2,24</t>
  </si>
  <si>
    <t>Vigilância Sanitária</t>
  </si>
  <si>
    <t>Vigilância Epidemiológica</t>
  </si>
  <si>
    <t>0,33</t>
  </si>
  <si>
    <t>Alimentação e Nutrição</t>
  </si>
  <si>
    <t>19.977.000,00</t>
  </si>
  <si>
    <t>25.042.200,00</t>
  </si>
  <si>
    <t>1,82</t>
  </si>
  <si>
    <t>3,14</t>
  </si>
  <si>
    <t>Outras Subfunções</t>
  </si>
  <si>
    <t>334.195.500,00</t>
  </si>
  <si>
    <t>488.405.020,00</t>
  </si>
  <si>
    <t>345.406.312,37</t>
  </si>
  <si>
    <t>42,45</t>
  </si>
  <si>
    <t>61.775.058,60</t>
  </si>
  <si>
    <t>48,91</t>
  </si>
  <si>
    <t>Anexo 13 - Parcerias Público-Privadas</t>
  </si>
  <si>
    <t>Lei nº 11.079, arts. 22, 25 e 28</t>
  </si>
  <si>
    <t>SALDO TOTAL EM 31 DE DEZEMBRO DO EXERCÍCIO ANTERIOR</t>
  </si>
  <si>
    <t>REGISTROS EFETUADOS EM &lt;Exercicio&gt;</t>
  </si>
  <si>
    <t>TOTAL DE ATIVOS</t>
  </si>
  <si>
    <t>Ativos Constituídos pela SPE</t>
  </si>
  <si>
    <t xml:space="preserve">   TOTAL DE PASSIVOS </t>
  </si>
  <si>
    <t xml:space="preserve">      Obrigações decorrentes de Ativos Constituídos pela SPE</t>
  </si>
  <si>
    <t xml:space="preserve">       Provisões de PPP</t>
  </si>
  <si>
    <t xml:space="preserve">      Outros passivos</t>
  </si>
  <si>
    <t>ATOS POTENCIAIS PASSIVOS</t>
  </si>
  <si>
    <t>Obrigações Contratuais</t>
  </si>
  <si>
    <t>Garantias Concedidas</t>
  </si>
  <si>
    <t>DESPESAS DE PPP</t>
  </si>
  <si>
    <t>Exercício Anterior</t>
  </si>
  <si>
    <t>Exercício Corrente</t>
  </si>
  <si>
    <t>Ano 2018</t>
  </si>
  <si>
    <t>Ano 2019</t>
  </si>
  <si>
    <t>Ano 2020</t>
  </si>
  <si>
    <t>Ano 2021</t>
  </si>
  <si>
    <t>Ano 2022</t>
  </si>
  <si>
    <t>Ano 2023</t>
  </si>
  <si>
    <t>Ano 2024</t>
  </si>
  <si>
    <t>Ano 2025</t>
  </si>
  <si>
    <t>Ano 2026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</t>
  </si>
  <si>
    <t>LRF, Art. 48</t>
  </si>
  <si>
    <t>BALANÇO ORÇAMENTÁRIO</t>
  </si>
  <si>
    <t>Até o Bimestre</t>
  </si>
  <si>
    <t>Déficit Orçamentário</t>
  </si>
  <si>
    <t>Saldos de Exercícios Anteriores (Utilizados para Créditos Adicionais)</t>
  </si>
  <si>
    <t>Créditos Adicionais</t>
  </si>
  <si>
    <t>289.219.022,00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/ DESPESAS DOS REGIMES DE PREVIDÊNCIA</t>
  </si>
  <si>
    <t>Regime Geral de Previdência Social</t>
  </si>
  <si>
    <t>Receitas Previdenciárias Realizadas(I)</t>
  </si>
  <si>
    <t>Despesas Previdenciárias Liquidadas (II)</t>
  </si>
  <si>
    <t>Resultado Previdenciário (III) = (I - II)</t>
  </si>
  <si>
    <t>Regime Próprio de Previdência dos Servidores</t>
  </si>
  <si>
    <t>Receitas Previdenciárias Realizadas (IV)</t>
  </si>
  <si>
    <t>Despesas Previdenciárias Liquidadas (V)</t>
  </si>
  <si>
    <t>Resultado Previdenciário (VI) = (IV - V)</t>
  </si>
  <si>
    <t>RESULTADO NOMINAL E PRIMÁRIO</t>
  </si>
  <si>
    <t>Meta Fixada no Anexo de Metas Fiscais da LDO (a)</t>
  </si>
  <si>
    <t>Resultado Apurado Até o Bimestre (b)</t>
  </si>
  <si>
    <t>% em Relação à Meta (b / a)</t>
  </si>
  <si>
    <t>Resultado Nominal</t>
  </si>
  <si>
    <t>(367.341,54)</t>
  </si>
  <si>
    <t>(0,23)</t>
  </si>
  <si>
    <t>Resultado Primário</t>
  </si>
  <si>
    <t>(53,21)</t>
  </si>
  <si>
    <t>MOVIMENTAÇÃO DOS RESTOS À PAGAR POR PODER E MINISTÉRIO PÚBLICO</t>
  </si>
  <si>
    <t>Inscrição</t>
  </si>
  <si>
    <t>Cancelamento Até o Bimestre</t>
  </si>
  <si>
    <t>Pagamento Até o Bimestre</t>
  </si>
  <si>
    <t>Saldo a Pagar</t>
  </si>
  <si>
    <t>RESTOS A PAGAR PROCESSADOS</t>
  </si>
  <si>
    <t>385.735.557,04</t>
  </si>
  <si>
    <t xml:space="preserve">   Poder Executivo</t>
  </si>
  <si>
    <t>333.105.232,84</t>
  </si>
  <si>
    <t>174.408.091,57</t>
  </si>
  <si>
    <t>157.070.300,05</t>
  </si>
  <si>
    <t xml:space="preserve">   Poder Legislativo</t>
  </si>
  <si>
    <t>17.418.133,54</t>
  </si>
  <si>
    <t>16.886.324,79</t>
  </si>
  <si>
    <t>531.808,75</t>
  </si>
  <si>
    <t xml:space="preserve">   Poder Judiciário</t>
  </si>
  <si>
    <t>34.312.343,76</t>
  </si>
  <si>
    <t>33.923.960,98</t>
  </si>
  <si>
    <t>388.360,78</t>
  </si>
  <si>
    <t xml:space="preserve">   Ministério Público</t>
  </si>
  <si>
    <t>899.246,90</t>
  </si>
  <si>
    <t>893.108,77</t>
  </si>
  <si>
    <t xml:space="preserve">   Defensoria Pública</t>
  </si>
  <si>
    <t>RESTOS A PAGAR NÃO-PROCESSADOS</t>
  </si>
  <si>
    <t>282.695.088,40</t>
  </si>
  <si>
    <t>229.491.628,11</t>
  </si>
  <si>
    <t>56.622.296,65</t>
  </si>
  <si>
    <t>128.694.300,47</t>
  </si>
  <si>
    <t>26.692.387,64</t>
  </si>
  <si>
    <t xml:space="preserve">   Defensoria Pública </t>
  </si>
  <si>
    <t>668.430.645,44</t>
  </si>
  <si>
    <t>60.313.917,44</t>
  </si>
  <si>
    <t>292.198.570,17</t>
  </si>
  <si>
    <t>DESPESAS COM MANUTENÇÃO E DESENVOLVIMENTO DO ENSINO - MDE</t>
  </si>
  <si>
    <t>Valor Apurado Até o Bimestre</t>
  </si>
  <si>
    <t>Limites Constitucionais Anuais</t>
  </si>
  <si>
    <t>% Mínimo a Aplicar no Exercício</t>
  </si>
  <si>
    <t>% Aplicado Até o Bimestre</t>
  </si>
  <si>
    <t>Mínimo Anual de '18% / 25%' das Receitas de Impostos em MDE</t>
  </si>
  <si>
    <t>25,00</t>
  </si>
  <si>
    <t>Mínimo Anual de 60% do FUNDEB na Remuneração do Magistério com Ensino Fundamental e Médio</t>
  </si>
  <si>
    <t>60,00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Receitas Previdenciárias (I)</t>
  </si>
  <si>
    <t>Despesas Previdenciárias (II)</t>
  </si>
  <si>
    <t>Receitas Previdenciárias (IV)</t>
  </si>
  <si>
    <t>Despesas Previdenciárias (V)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12,00</t>
  </si>
  <si>
    <t>8,15</t>
  </si>
  <si>
    <t>DESPESAS DE CARÁTER CONTINUADO DERIVADAS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0"/>
      <name val="Arial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2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</borders>
  <cellStyleXfs count="1">
    <xf numFmtId="0" fontId="0" fillId="0" borderId="0"/>
  </cellStyleXfs>
  <cellXfs count="12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/>
    </xf>
    <xf numFmtId="0" fontId="0" fillId="0" borderId="0" xfId="0"/>
    <xf numFmtId="0" fontId="9" fillId="0" borderId="0" xfId="0" applyFont="1" applyAlignment="1">
      <alignment horizontal="left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6"/>
  <sheetViews>
    <sheetView showGridLines="0" tabSelected="1" workbookViewId="0"/>
  </sheetViews>
  <sheetFormatPr defaultRowHeight="12.75" x14ac:dyDescent="0.2"/>
  <cols>
    <col min="1" max="1" width="4.42578125" customWidth="1"/>
    <col min="2" max="2" width="84.7109375" customWidth="1"/>
    <col min="3" max="4" width="18.140625" customWidth="1"/>
    <col min="5" max="5" width="17" customWidth="1"/>
    <col min="6" max="6" width="17.85546875" customWidth="1"/>
    <col min="7" max="7" width="17.5703125" customWidth="1"/>
    <col min="8" max="8" width="17" customWidth="1"/>
    <col min="9" max="9" width="18.28515625" customWidth="1"/>
    <col min="10" max="10" width="18.140625" customWidth="1"/>
    <col min="11" max="11" width="17" customWidth="1"/>
  </cols>
  <sheetData>
    <row r="3" spans="1:11" x14ac:dyDescent="0.2">
      <c r="A3" s="9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</row>
    <row r="4" spans="1:11" x14ac:dyDescent="0.2">
      <c r="A4" s="9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</row>
    <row r="5" spans="1:11" x14ac:dyDescent="0.2">
      <c r="A5" s="9" t="s">
        <v>2</v>
      </c>
      <c r="B5" s="10"/>
      <c r="C5" s="10"/>
      <c r="D5" s="10"/>
      <c r="E5" s="10"/>
      <c r="F5" s="10"/>
      <c r="G5" s="10"/>
      <c r="H5" s="10"/>
      <c r="I5" s="10"/>
      <c r="J5" s="10"/>
      <c r="K5" s="10"/>
    </row>
    <row r="6" spans="1:11" x14ac:dyDescent="0.2">
      <c r="A6" s="9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</row>
    <row r="7" spans="1:11" x14ac:dyDescent="0.2">
      <c r="A7" s="9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</row>
    <row r="9" spans="1:11" x14ac:dyDescent="0.2">
      <c r="A9" s="11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</row>
    <row r="10" spans="1:11" x14ac:dyDescent="0.2">
      <c r="A10" s="8" t="s">
        <v>6</v>
      </c>
      <c r="B10" s="8" t="s">
        <v>8</v>
      </c>
      <c r="C10" s="8" t="s">
        <v>9</v>
      </c>
      <c r="D10" s="8" t="s">
        <v>10</v>
      </c>
      <c r="E10" s="8" t="s">
        <v>11</v>
      </c>
      <c r="F10" s="8" t="s">
        <v>7</v>
      </c>
      <c r="G10" s="8" t="s">
        <v>7</v>
      </c>
      <c r="H10" s="8" t="s">
        <v>7</v>
      </c>
      <c r="I10" s="8" t="s">
        <v>16</v>
      </c>
    </row>
    <row r="11" spans="1:11" ht="21" x14ac:dyDescent="0.2">
      <c r="A11" s="8" t="s">
        <v>7</v>
      </c>
      <c r="B11" s="8" t="s">
        <v>7</v>
      </c>
      <c r="C11" s="8" t="s">
        <v>7</v>
      </c>
      <c r="D11" s="8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8" t="s">
        <v>7</v>
      </c>
    </row>
    <row r="12" spans="1:11" x14ac:dyDescent="0.2">
      <c r="A12" s="5" t="s">
        <v>17</v>
      </c>
      <c r="B12" s="7" t="s">
        <v>18</v>
      </c>
      <c r="C12" s="3" t="s">
        <v>19</v>
      </c>
      <c r="D12" s="3" t="s">
        <v>19</v>
      </c>
      <c r="E12" s="3" t="s">
        <v>20</v>
      </c>
      <c r="F12" s="3" t="s">
        <v>21</v>
      </c>
      <c r="G12" s="3" t="s">
        <v>20</v>
      </c>
      <c r="H12" s="3" t="s">
        <v>21</v>
      </c>
      <c r="I12" s="3" t="s">
        <v>22</v>
      </c>
    </row>
    <row r="13" spans="1:11" x14ac:dyDescent="0.2">
      <c r="A13" s="5" t="s">
        <v>23</v>
      </c>
      <c r="B13" s="7" t="s">
        <v>24</v>
      </c>
      <c r="C13" s="3" t="s">
        <v>25</v>
      </c>
      <c r="D13" s="3" t="s">
        <v>25</v>
      </c>
      <c r="E13" s="3" t="s">
        <v>26</v>
      </c>
      <c r="F13" s="3" t="s">
        <v>27</v>
      </c>
      <c r="G13" s="3" t="s">
        <v>26</v>
      </c>
      <c r="H13" s="3" t="s">
        <v>27</v>
      </c>
      <c r="I13" s="3" t="s">
        <v>28</v>
      </c>
    </row>
    <row r="14" spans="1:11" x14ac:dyDescent="0.2">
      <c r="A14" s="5" t="s">
        <v>29</v>
      </c>
      <c r="B14" s="7" t="s">
        <v>30</v>
      </c>
      <c r="C14" s="3" t="s">
        <v>31</v>
      </c>
      <c r="D14" s="3" t="s">
        <v>31</v>
      </c>
      <c r="E14" s="3" t="s">
        <v>32</v>
      </c>
      <c r="F14" s="3" t="s">
        <v>33</v>
      </c>
      <c r="G14" s="3" t="s">
        <v>32</v>
      </c>
      <c r="H14" s="3" t="s">
        <v>33</v>
      </c>
      <c r="I14" s="3" t="s">
        <v>34</v>
      </c>
    </row>
    <row r="15" spans="1:11" x14ac:dyDescent="0.2">
      <c r="A15" s="4" t="s">
        <v>35</v>
      </c>
      <c r="B15" s="6" t="s">
        <v>36</v>
      </c>
      <c r="C15" s="2" t="s">
        <v>37</v>
      </c>
      <c r="D15" s="2" t="s">
        <v>37</v>
      </c>
      <c r="E15" s="2" t="s">
        <v>38</v>
      </c>
      <c r="F15" s="2" t="s">
        <v>39</v>
      </c>
      <c r="G15" s="2" t="s">
        <v>38</v>
      </c>
      <c r="H15" s="2" t="s">
        <v>39</v>
      </c>
      <c r="I15" s="2" t="s">
        <v>40</v>
      </c>
    </row>
    <row r="16" spans="1:11" x14ac:dyDescent="0.2">
      <c r="A16" s="4" t="s">
        <v>41</v>
      </c>
      <c r="B16" s="6" t="s">
        <v>42</v>
      </c>
      <c r="C16" s="2" t="s">
        <v>43</v>
      </c>
      <c r="D16" s="2" t="s">
        <v>43</v>
      </c>
      <c r="E16" s="2" t="s">
        <v>44</v>
      </c>
      <c r="F16" s="2" t="s">
        <v>45</v>
      </c>
      <c r="G16" s="2" t="s">
        <v>44</v>
      </c>
      <c r="H16" s="2" t="s">
        <v>45</v>
      </c>
      <c r="I16" s="2" t="s">
        <v>46</v>
      </c>
    </row>
    <row r="17" spans="1:9" x14ac:dyDescent="0.2">
      <c r="A17" s="4" t="s">
        <v>47</v>
      </c>
      <c r="B17" s="6" t="s">
        <v>48</v>
      </c>
      <c r="C17" s="2" t="s">
        <v>49</v>
      </c>
      <c r="D17" s="2" t="s">
        <v>49</v>
      </c>
      <c r="E17" s="2" t="s">
        <v>49</v>
      </c>
      <c r="F17" s="2" t="s">
        <v>49</v>
      </c>
      <c r="G17" s="2" t="s">
        <v>49</v>
      </c>
      <c r="H17" s="2" t="s">
        <v>49</v>
      </c>
      <c r="I17" s="2" t="s">
        <v>49</v>
      </c>
    </row>
    <row r="18" spans="1:9" x14ac:dyDescent="0.2">
      <c r="A18" s="5" t="s">
        <v>50</v>
      </c>
      <c r="B18" s="7" t="s">
        <v>51</v>
      </c>
      <c r="C18" s="3" t="s">
        <v>52</v>
      </c>
      <c r="D18" s="3" t="s">
        <v>52</v>
      </c>
      <c r="E18" s="3" t="s">
        <v>53</v>
      </c>
      <c r="F18" s="3" t="s">
        <v>54</v>
      </c>
      <c r="G18" s="3" t="s">
        <v>53</v>
      </c>
      <c r="H18" s="3" t="s">
        <v>54</v>
      </c>
      <c r="I18" s="3" t="s">
        <v>55</v>
      </c>
    </row>
    <row r="19" spans="1:9" x14ac:dyDescent="0.2">
      <c r="A19" s="4" t="s">
        <v>56</v>
      </c>
      <c r="B19" s="6" t="s">
        <v>57</v>
      </c>
      <c r="C19" s="2" t="s">
        <v>52</v>
      </c>
      <c r="D19" s="2" t="s">
        <v>52</v>
      </c>
      <c r="E19" s="2" t="s">
        <v>53</v>
      </c>
      <c r="F19" s="2" t="s">
        <v>54</v>
      </c>
      <c r="G19" s="2" t="s">
        <v>53</v>
      </c>
      <c r="H19" s="2" t="s">
        <v>54</v>
      </c>
      <c r="I19" s="2" t="s">
        <v>55</v>
      </c>
    </row>
    <row r="20" spans="1:9" x14ac:dyDescent="0.2">
      <c r="A20" s="4" t="s">
        <v>58</v>
      </c>
      <c r="B20" s="6" t="s">
        <v>59</v>
      </c>
      <c r="C20" s="2" t="s">
        <v>49</v>
      </c>
      <c r="D20" s="2" t="s">
        <v>49</v>
      </c>
      <c r="E20" s="2" t="s">
        <v>49</v>
      </c>
      <c r="F20" s="2" t="s">
        <v>49</v>
      </c>
      <c r="G20" s="2" t="s">
        <v>49</v>
      </c>
      <c r="H20" s="2" t="s">
        <v>49</v>
      </c>
      <c r="I20" s="2" t="s">
        <v>49</v>
      </c>
    </row>
    <row r="21" spans="1:9" x14ac:dyDescent="0.2">
      <c r="A21" s="4" t="s">
        <v>60</v>
      </c>
      <c r="B21" s="6" t="s">
        <v>61</v>
      </c>
      <c r="C21" s="2" t="s">
        <v>49</v>
      </c>
      <c r="D21" s="2" t="s">
        <v>49</v>
      </c>
      <c r="E21" s="2" t="s">
        <v>49</v>
      </c>
      <c r="F21" s="2" t="s">
        <v>49</v>
      </c>
      <c r="G21" s="2" t="s">
        <v>49</v>
      </c>
      <c r="H21" s="2" t="s">
        <v>49</v>
      </c>
      <c r="I21" s="2" t="s">
        <v>49</v>
      </c>
    </row>
    <row r="22" spans="1:9" x14ac:dyDescent="0.2">
      <c r="A22" s="5" t="s">
        <v>62</v>
      </c>
      <c r="B22" s="7" t="s">
        <v>63</v>
      </c>
      <c r="C22" s="3" t="s">
        <v>64</v>
      </c>
      <c r="D22" s="3" t="s">
        <v>64</v>
      </c>
      <c r="E22" s="3" t="s">
        <v>65</v>
      </c>
      <c r="F22" s="3" t="s">
        <v>66</v>
      </c>
      <c r="G22" s="3" t="s">
        <v>65</v>
      </c>
      <c r="H22" s="3" t="s">
        <v>66</v>
      </c>
      <c r="I22" s="3" t="s">
        <v>67</v>
      </c>
    </row>
    <row r="23" spans="1:9" x14ac:dyDescent="0.2">
      <c r="A23" s="4" t="s">
        <v>68</v>
      </c>
      <c r="B23" s="6" t="s">
        <v>69</v>
      </c>
      <c r="C23" s="2" t="s">
        <v>70</v>
      </c>
      <c r="D23" s="2" t="s">
        <v>70</v>
      </c>
      <c r="E23" s="2" t="s">
        <v>71</v>
      </c>
      <c r="F23" s="2" t="s">
        <v>72</v>
      </c>
      <c r="G23" s="2" t="s">
        <v>71</v>
      </c>
      <c r="H23" s="2" t="s">
        <v>72</v>
      </c>
      <c r="I23" s="2" t="s">
        <v>73</v>
      </c>
    </row>
    <row r="24" spans="1:9" x14ac:dyDescent="0.2">
      <c r="A24" s="4" t="s">
        <v>74</v>
      </c>
      <c r="B24" s="6" t="s">
        <v>75</v>
      </c>
      <c r="C24" s="2" t="s">
        <v>76</v>
      </c>
      <c r="D24" s="2" t="s">
        <v>76</v>
      </c>
      <c r="E24" s="2" t="s">
        <v>77</v>
      </c>
      <c r="F24" s="2" t="s">
        <v>78</v>
      </c>
      <c r="G24" s="2" t="s">
        <v>77</v>
      </c>
      <c r="H24" s="2" t="s">
        <v>78</v>
      </c>
      <c r="I24" s="2" t="s">
        <v>79</v>
      </c>
    </row>
    <row r="25" spans="1:9" x14ac:dyDescent="0.2">
      <c r="A25" s="4" t="s">
        <v>80</v>
      </c>
      <c r="B25" s="6" t="s">
        <v>81</v>
      </c>
      <c r="C25" s="2" t="s">
        <v>82</v>
      </c>
      <c r="D25" s="2" t="s">
        <v>82</v>
      </c>
      <c r="E25" s="2" t="s">
        <v>83</v>
      </c>
      <c r="F25" s="2" t="s">
        <v>84</v>
      </c>
      <c r="G25" s="2" t="s">
        <v>83</v>
      </c>
      <c r="H25" s="2" t="s">
        <v>84</v>
      </c>
      <c r="I25" s="2" t="s">
        <v>85</v>
      </c>
    </row>
    <row r="26" spans="1:9" x14ac:dyDescent="0.2">
      <c r="A26" s="4" t="s">
        <v>86</v>
      </c>
      <c r="B26" s="6" t="s">
        <v>87</v>
      </c>
      <c r="C26" s="2" t="s">
        <v>88</v>
      </c>
      <c r="D26" s="2" t="s">
        <v>88</v>
      </c>
      <c r="E26" s="2" t="s">
        <v>89</v>
      </c>
      <c r="F26" s="2" t="s">
        <v>90</v>
      </c>
      <c r="G26" s="2" t="s">
        <v>89</v>
      </c>
      <c r="H26" s="2" t="s">
        <v>90</v>
      </c>
      <c r="I26" s="2" t="s">
        <v>91</v>
      </c>
    </row>
    <row r="27" spans="1:9" x14ac:dyDescent="0.2">
      <c r="A27" s="4" t="s">
        <v>92</v>
      </c>
      <c r="B27" s="6" t="s">
        <v>93</v>
      </c>
      <c r="C27" s="2" t="s">
        <v>49</v>
      </c>
      <c r="D27" s="2" t="s">
        <v>49</v>
      </c>
      <c r="E27" s="2" t="s">
        <v>49</v>
      </c>
      <c r="F27" s="2" t="s">
        <v>49</v>
      </c>
      <c r="G27" s="2" t="s">
        <v>49</v>
      </c>
      <c r="H27" s="2" t="s">
        <v>49</v>
      </c>
      <c r="I27" s="2" t="s">
        <v>49</v>
      </c>
    </row>
    <row r="28" spans="1:9" x14ac:dyDescent="0.2">
      <c r="A28" s="4" t="s">
        <v>94</v>
      </c>
      <c r="B28" s="6" t="s">
        <v>95</v>
      </c>
      <c r="C28" s="2" t="s">
        <v>96</v>
      </c>
      <c r="D28" s="2" t="s">
        <v>96</v>
      </c>
      <c r="E28" s="2" t="s">
        <v>97</v>
      </c>
      <c r="F28" s="2" t="s">
        <v>98</v>
      </c>
      <c r="G28" s="2" t="s">
        <v>97</v>
      </c>
      <c r="H28" s="2" t="s">
        <v>98</v>
      </c>
      <c r="I28" s="2" t="s">
        <v>99</v>
      </c>
    </row>
    <row r="29" spans="1:9" x14ac:dyDescent="0.2">
      <c r="A29" s="4" t="s">
        <v>100</v>
      </c>
      <c r="B29" s="6" t="s">
        <v>101</v>
      </c>
      <c r="C29" s="2" t="s">
        <v>49</v>
      </c>
      <c r="D29" s="2" t="s">
        <v>49</v>
      </c>
      <c r="E29" s="2" t="s">
        <v>49</v>
      </c>
      <c r="F29" s="2" t="s">
        <v>49</v>
      </c>
      <c r="G29" s="2" t="s">
        <v>49</v>
      </c>
      <c r="H29" s="2" t="s">
        <v>49</v>
      </c>
      <c r="I29" s="2" t="s">
        <v>49</v>
      </c>
    </row>
    <row r="30" spans="1:9" x14ac:dyDescent="0.2">
      <c r="A30" s="5" t="s">
        <v>102</v>
      </c>
      <c r="B30" s="7" t="s">
        <v>103</v>
      </c>
      <c r="C30" s="3" t="s">
        <v>49</v>
      </c>
      <c r="D30" s="3" t="s">
        <v>49</v>
      </c>
      <c r="E30" s="3" t="s">
        <v>49</v>
      </c>
      <c r="F30" s="3" t="s">
        <v>49</v>
      </c>
      <c r="G30" s="3" t="s">
        <v>49</v>
      </c>
      <c r="H30" s="3" t="s">
        <v>49</v>
      </c>
      <c r="I30" s="3" t="s">
        <v>49</v>
      </c>
    </row>
    <row r="31" spans="1:9" x14ac:dyDescent="0.2">
      <c r="A31" s="4" t="s">
        <v>104</v>
      </c>
      <c r="B31" s="6" t="s">
        <v>105</v>
      </c>
      <c r="C31" s="2" t="s">
        <v>49</v>
      </c>
      <c r="D31" s="2" t="s">
        <v>49</v>
      </c>
      <c r="E31" s="2" t="s">
        <v>49</v>
      </c>
      <c r="F31" s="2" t="s">
        <v>49</v>
      </c>
      <c r="G31" s="2" t="s">
        <v>49</v>
      </c>
      <c r="H31" s="2" t="s">
        <v>49</v>
      </c>
      <c r="I31" s="2" t="s">
        <v>49</v>
      </c>
    </row>
    <row r="32" spans="1:9" x14ac:dyDescent="0.2">
      <c r="A32" s="4" t="s">
        <v>106</v>
      </c>
      <c r="B32" s="6" t="s">
        <v>107</v>
      </c>
      <c r="C32" s="2" t="s">
        <v>49</v>
      </c>
      <c r="D32" s="2" t="s">
        <v>49</v>
      </c>
      <c r="E32" s="2" t="s">
        <v>49</v>
      </c>
      <c r="F32" s="2" t="s">
        <v>49</v>
      </c>
      <c r="G32" s="2" t="s">
        <v>49</v>
      </c>
      <c r="H32" s="2" t="s">
        <v>49</v>
      </c>
      <c r="I32" s="2" t="s">
        <v>49</v>
      </c>
    </row>
    <row r="33" spans="1:9" x14ac:dyDescent="0.2">
      <c r="A33" s="4" t="s">
        <v>108</v>
      </c>
      <c r="B33" s="6" t="s">
        <v>109</v>
      </c>
      <c r="C33" s="2" t="s">
        <v>49</v>
      </c>
      <c r="D33" s="2" t="s">
        <v>49</v>
      </c>
      <c r="E33" s="2" t="s">
        <v>49</v>
      </c>
      <c r="F33" s="2" t="s">
        <v>49</v>
      </c>
      <c r="G33" s="2" t="s">
        <v>49</v>
      </c>
      <c r="H33" s="2" t="s">
        <v>49</v>
      </c>
      <c r="I33" s="2" t="s">
        <v>49</v>
      </c>
    </row>
    <row r="34" spans="1:9" x14ac:dyDescent="0.2">
      <c r="A34" s="5" t="s">
        <v>110</v>
      </c>
      <c r="B34" s="7" t="s">
        <v>111</v>
      </c>
      <c r="C34" s="3" t="s">
        <v>49</v>
      </c>
      <c r="D34" s="3" t="s">
        <v>49</v>
      </c>
      <c r="E34" s="3" t="s">
        <v>49</v>
      </c>
      <c r="F34" s="3" t="s">
        <v>49</v>
      </c>
      <c r="G34" s="3" t="s">
        <v>49</v>
      </c>
      <c r="H34" s="3" t="s">
        <v>49</v>
      </c>
      <c r="I34" s="3" t="s">
        <v>49</v>
      </c>
    </row>
    <row r="35" spans="1:9" x14ac:dyDescent="0.2">
      <c r="A35" s="4" t="s">
        <v>112</v>
      </c>
      <c r="B35" s="6" t="s">
        <v>113</v>
      </c>
      <c r="C35" s="2" t="s">
        <v>49</v>
      </c>
      <c r="D35" s="2" t="s">
        <v>49</v>
      </c>
      <c r="E35" s="2" t="s">
        <v>49</v>
      </c>
      <c r="F35" s="2" t="s">
        <v>49</v>
      </c>
      <c r="G35" s="2" t="s">
        <v>49</v>
      </c>
      <c r="H35" s="2" t="s">
        <v>49</v>
      </c>
      <c r="I35" s="2" t="s">
        <v>49</v>
      </c>
    </row>
    <row r="36" spans="1:9" x14ac:dyDescent="0.2">
      <c r="A36" s="4" t="s">
        <v>114</v>
      </c>
      <c r="B36" s="6" t="s">
        <v>115</v>
      </c>
      <c r="C36" s="2" t="s">
        <v>49</v>
      </c>
      <c r="D36" s="2" t="s">
        <v>49</v>
      </c>
      <c r="E36" s="2" t="s">
        <v>49</v>
      </c>
      <c r="F36" s="2" t="s">
        <v>49</v>
      </c>
      <c r="G36" s="2" t="s">
        <v>49</v>
      </c>
      <c r="H36" s="2" t="s">
        <v>49</v>
      </c>
      <c r="I36" s="2" t="s">
        <v>49</v>
      </c>
    </row>
    <row r="37" spans="1:9" x14ac:dyDescent="0.2">
      <c r="A37" s="4" t="s">
        <v>116</v>
      </c>
      <c r="B37" s="6" t="s">
        <v>117</v>
      </c>
      <c r="C37" s="2" t="s">
        <v>49</v>
      </c>
      <c r="D37" s="2" t="s">
        <v>49</v>
      </c>
      <c r="E37" s="2" t="s">
        <v>49</v>
      </c>
      <c r="F37" s="2" t="s">
        <v>49</v>
      </c>
      <c r="G37" s="2" t="s">
        <v>49</v>
      </c>
      <c r="H37" s="2" t="s">
        <v>49</v>
      </c>
      <c r="I37" s="2" t="s">
        <v>49</v>
      </c>
    </row>
    <row r="38" spans="1:9" x14ac:dyDescent="0.2">
      <c r="A38" s="4" t="s">
        <v>118</v>
      </c>
      <c r="B38" s="6" t="s">
        <v>119</v>
      </c>
      <c r="C38" s="2" t="s">
        <v>49</v>
      </c>
      <c r="D38" s="2" t="s">
        <v>49</v>
      </c>
      <c r="E38" s="2" t="s">
        <v>49</v>
      </c>
      <c r="F38" s="2" t="s">
        <v>49</v>
      </c>
      <c r="G38" s="2" t="s">
        <v>49</v>
      </c>
      <c r="H38" s="2" t="s">
        <v>49</v>
      </c>
      <c r="I38" s="2" t="s">
        <v>49</v>
      </c>
    </row>
    <row r="39" spans="1:9" x14ac:dyDescent="0.2">
      <c r="A39" s="4" t="s">
        <v>120</v>
      </c>
      <c r="B39" s="6" t="s">
        <v>121</v>
      </c>
      <c r="C39" s="2" t="s">
        <v>122</v>
      </c>
      <c r="D39" s="2" t="s">
        <v>122</v>
      </c>
      <c r="E39" s="2" t="s">
        <v>123</v>
      </c>
      <c r="F39" s="2" t="s">
        <v>45</v>
      </c>
      <c r="G39" s="2" t="s">
        <v>123</v>
      </c>
      <c r="H39" s="2" t="s">
        <v>45</v>
      </c>
      <c r="I39" s="2" t="s">
        <v>124</v>
      </c>
    </row>
    <row r="40" spans="1:9" x14ac:dyDescent="0.2">
      <c r="A40" s="5" t="s">
        <v>125</v>
      </c>
      <c r="B40" s="7" t="s">
        <v>126</v>
      </c>
      <c r="C40" s="3" t="s">
        <v>127</v>
      </c>
      <c r="D40" s="3" t="s">
        <v>127</v>
      </c>
      <c r="E40" s="3" t="s">
        <v>128</v>
      </c>
      <c r="F40" s="3" t="s">
        <v>129</v>
      </c>
      <c r="G40" s="3" t="s">
        <v>128</v>
      </c>
      <c r="H40" s="3" t="s">
        <v>129</v>
      </c>
      <c r="I40" s="3" t="s">
        <v>130</v>
      </c>
    </row>
    <row r="41" spans="1:9" x14ac:dyDescent="0.2">
      <c r="A41" s="4" t="s">
        <v>131</v>
      </c>
      <c r="B41" s="6" t="s">
        <v>132</v>
      </c>
      <c r="C41" s="2" t="s">
        <v>133</v>
      </c>
      <c r="D41" s="2" t="s">
        <v>133</v>
      </c>
      <c r="E41" s="2" t="s">
        <v>134</v>
      </c>
      <c r="F41" s="2" t="s">
        <v>135</v>
      </c>
      <c r="G41" s="2" t="s">
        <v>134</v>
      </c>
      <c r="H41" s="2" t="s">
        <v>135</v>
      </c>
      <c r="I41" s="2" t="s">
        <v>136</v>
      </c>
    </row>
    <row r="42" spans="1:9" x14ac:dyDescent="0.2">
      <c r="A42" s="4" t="s">
        <v>137</v>
      </c>
      <c r="B42" s="6" t="s">
        <v>138</v>
      </c>
      <c r="C42" s="2" t="s">
        <v>139</v>
      </c>
      <c r="D42" s="2" t="s">
        <v>139</v>
      </c>
      <c r="E42" s="2" t="s">
        <v>140</v>
      </c>
      <c r="F42" s="2" t="s">
        <v>141</v>
      </c>
      <c r="G42" s="2" t="s">
        <v>140</v>
      </c>
      <c r="H42" s="2" t="s">
        <v>141</v>
      </c>
      <c r="I42" s="2" t="s">
        <v>142</v>
      </c>
    </row>
    <row r="43" spans="1:9" x14ac:dyDescent="0.2">
      <c r="A43" s="4" t="s">
        <v>143</v>
      </c>
      <c r="B43" s="6" t="s">
        <v>144</v>
      </c>
      <c r="C43" s="2" t="s">
        <v>49</v>
      </c>
      <c r="D43" s="2" t="s">
        <v>49</v>
      </c>
      <c r="E43" s="2" t="s">
        <v>49</v>
      </c>
      <c r="F43" s="2" t="s">
        <v>49</v>
      </c>
      <c r="G43" s="2" t="s">
        <v>49</v>
      </c>
      <c r="H43" s="2" t="s">
        <v>49</v>
      </c>
      <c r="I43" s="2" t="s">
        <v>49</v>
      </c>
    </row>
    <row r="44" spans="1:9" x14ac:dyDescent="0.2">
      <c r="A44" s="4" t="s">
        <v>145</v>
      </c>
      <c r="B44" s="6" t="s">
        <v>146</v>
      </c>
      <c r="C44" s="2" t="s">
        <v>147</v>
      </c>
      <c r="D44" s="2" t="s">
        <v>147</v>
      </c>
      <c r="E44" s="2" t="s">
        <v>49</v>
      </c>
      <c r="F44" s="2" t="s">
        <v>49</v>
      </c>
      <c r="G44" s="2" t="s">
        <v>49</v>
      </c>
      <c r="H44" s="2" t="s">
        <v>49</v>
      </c>
      <c r="I44" s="2" t="s">
        <v>147</v>
      </c>
    </row>
    <row r="45" spans="1:9" x14ac:dyDescent="0.2">
      <c r="A45" s="4" t="s">
        <v>148</v>
      </c>
      <c r="B45" s="6" t="s">
        <v>149</v>
      </c>
      <c r="C45" s="2" t="s">
        <v>150</v>
      </c>
      <c r="D45" s="2" t="s">
        <v>150</v>
      </c>
      <c r="E45" s="2" t="s">
        <v>151</v>
      </c>
      <c r="F45" s="2" t="s">
        <v>152</v>
      </c>
      <c r="G45" s="2" t="s">
        <v>151</v>
      </c>
      <c r="H45" s="2" t="s">
        <v>152</v>
      </c>
      <c r="I45" s="2" t="s">
        <v>153</v>
      </c>
    </row>
    <row r="46" spans="1:9" x14ac:dyDescent="0.2">
      <c r="A46" s="4" t="s">
        <v>154</v>
      </c>
      <c r="B46" s="6" t="s">
        <v>155</v>
      </c>
      <c r="C46" s="2" t="s">
        <v>49</v>
      </c>
      <c r="D46" s="2" t="s">
        <v>49</v>
      </c>
      <c r="E46" s="2" t="s">
        <v>49</v>
      </c>
      <c r="F46" s="2" t="s">
        <v>49</v>
      </c>
      <c r="G46" s="2" t="s">
        <v>49</v>
      </c>
      <c r="H46" s="2" t="s">
        <v>49</v>
      </c>
      <c r="I46" s="2" t="s">
        <v>49</v>
      </c>
    </row>
    <row r="47" spans="1:9" x14ac:dyDescent="0.2">
      <c r="A47" s="5" t="s">
        <v>156</v>
      </c>
      <c r="B47" s="7" t="s">
        <v>157</v>
      </c>
      <c r="C47" s="3" t="s">
        <v>158</v>
      </c>
      <c r="D47" s="3" t="s">
        <v>158</v>
      </c>
      <c r="E47" s="3" t="s">
        <v>159</v>
      </c>
      <c r="F47" s="3" t="s">
        <v>160</v>
      </c>
      <c r="G47" s="3" t="s">
        <v>159</v>
      </c>
      <c r="H47" s="3" t="s">
        <v>160</v>
      </c>
      <c r="I47" s="3" t="s">
        <v>161</v>
      </c>
    </row>
    <row r="48" spans="1:9" x14ac:dyDescent="0.2">
      <c r="A48" s="4" t="s">
        <v>162</v>
      </c>
      <c r="B48" s="6" t="s">
        <v>163</v>
      </c>
      <c r="C48" s="2" t="s">
        <v>164</v>
      </c>
      <c r="D48" s="2" t="s">
        <v>164</v>
      </c>
      <c r="E48" s="2" t="s">
        <v>165</v>
      </c>
      <c r="F48" s="2" t="s">
        <v>166</v>
      </c>
      <c r="G48" s="2" t="s">
        <v>165</v>
      </c>
      <c r="H48" s="2" t="s">
        <v>166</v>
      </c>
      <c r="I48" s="2" t="s">
        <v>167</v>
      </c>
    </row>
    <row r="49" spans="1:9" x14ac:dyDescent="0.2">
      <c r="A49" s="4" t="s">
        <v>168</v>
      </c>
      <c r="B49" s="6" t="s">
        <v>169</v>
      </c>
      <c r="C49" s="2" t="s">
        <v>170</v>
      </c>
      <c r="D49" s="2" t="s">
        <v>170</v>
      </c>
      <c r="E49" s="2" t="s">
        <v>171</v>
      </c>
      <c r="F49" s="2" t="s">
        <v>172</v>
      </c>
      <c r="G49" s="2" t="s">
        <v>171</v>
      </c>
      <c r="H49" s="2" t="s">
        <v>172</v>
      </c>
      <c r="I49" s="2" t="s">
        <v>173</v>
      </c>
    </row>
    <row r="50" spans="1:9" x14ac:dyDescent="0.2">
      <c r="A50" s="4" t="s">
        <v>174</v>
      </c>
      <c r="B50" s="6" t="s">
        <v>175</v>
      </c>
      <c r="C50" s="2" t="s">
        <v>176</v>
      </c>
      <c r="D50" s="2" t="s">
        <v>176</v>
      </c>
      <c r="E50" s="2" t="s">
        <v>177</v>
      </c>
      <c r="F50" s="2" t="s">
        <v>178</v>
      </c>
      <c r="G50" s="2" t="s">
        <v>177</v>
      </c>
      <c r="H50" s="2" t="s">
        <v>178</v>
      </c>
      <c r="I50" s="2" t="s">
        <v>179</v>
      </c>
    </row>
    <row r="51" spans="1:9" x14ac:dyDescent="0.2">
      <c r="A51" s="4" t="s">
        <v>180</v>
      </c>
      <c r="B51" s="6" t="s">
        <v>181</v>
      </c>
      <c r="C51" s="2" t="s">
        <v>49</v>
      </c>
      <c r="D51" s="2" t="s">
        <v>49</v>
      </c>
      <c r="E51" s="2" t="s">
        <v>49</v>
      </c>
      <c r="F51" s="2" t="s">
        <v>49</v>
      </c>
      <c r="G51" s="2" t="s">
        <v>49</v>
      </c>
      <c r="H51" s="2" t="s">
        <v>49</v>
      </c>
      <c r="I51" s="2" t="s">
        <v>49</v>
      </c>
    </row>
    <row r="52" spans="1:9" x14ac:dyDescent="0.2">
      <c r="A52" s="4" t="s">
        <v>182</v>
      </c>
      <c r="B52" s="6" t="s">
        <v>183</v>
      </c>
      <c r="C52" s="2" t="s">
        <v>184</v>
      </c>
      <c r="D52" s="2" t="s">
        <v>184</v>
      </c>
      <c r="E52" s="2" t="s">
        <v>185</v>
      </c>
      <c r="F52" s="2" t="s">
        <v>186</v>
      </c>
      <c r="G52" s="2" t="s">
        <v>185</v>
      </c>
      <c r="H52" s="2" t="s">
        <v>186</v>
      </c>
      <c r="I52" s="2" t="s">
        <v>187</v>
      </c>
    </row>
    <row r="53" spans="1:9" x14ac:dyDescent="0.2">
      <c r="A53" s="5" t="s">
        <v>188</v>
      </c>
      <c r="B53" s="7" t="s">
        <v>189</v>
      </c>
      <c r="C53" s="3" t="s">
        <v>190</v>
      </c>
      <c r="D53" s="3" t="s">
        <v>190</v>
      </c>
      <c r="E53" s="3" t="s">
        <v>191</v>
      </c>
      <c r="F53" s="3" t="s">
        <v>192</v>
      </c>
      <c r="G53" s="3" t="s">
        <v>191</v>
      </c>
      <c r="H53" s="3" t="s">
        <v>192</v>
      </c>
      <c r="I53" s="3" t="s">
        <v>193</v>
      </c>
    </row>
    <row r="54" spans="1:9" x14ac:dyDescent="0.2">
      <c r="A54" s="5" t="s">
        <v>194</v>
      </c>
      <c r="B54" s="7" t="s">
        <v>195</v>
      </c>
      <c r="C54" s="3" t="s">
        <v>49</v>
      </c>
      <c r="D54" s="3" t="s">
        <v>49</v>
      </c>
      <c r="E54" s="3" t="s">
        <v>49</v>
      </c>
      <c r="F54" s="3" t="s">
        <v>49</v>
      </c>
      <c r="G54" s="3" t="s">
        <v>49</v>
      </c>
      <c r="H54" s="3" t="s">
        <v>49</v>
      </c>
      <c r="I54" s="3" t="s">
        <v>49</v>
      </c>
    </row>
    <row r="55" spans="1:9" x14ac:dyDescent="0.2">
      <c r="A55" s="4" t="s">
        <v>196</v>
      </c>
      <c r="B55" s="6" t="s">
        <v>197</v>
      </c>
      <c r="C55" s="2" t="s">
        <v>49</v>
      </c>
      <c r="D55" s="2" t="s">
        <v>49</v>
      </c>
      <c r="E55" s="2" t="s">
        <v>49</v>
      </c>
      <c r="F55" s="2" t="s">
        <v>49</v>
      </c>
      <c r="G55" s="2" t="s">
        <v>49</v>
      </c>
      <c r="H55" s="2" t="s">
        <v>49</v>
      </c>
      <c r="I55" s="2" t="s">
        <v>49</v>
      </c>
    </row>
    <row r="56" spans="1:9" x14ac:dyDescent="0.2">
      <c r="A56" s="4" t="s">
        <v>198</v>
      </c>
      <c r="B56" s="6" t="s">
        <v>199</v>
      </c>
      <c r="C56" s="2" t="s">
        <v>49</v>
      </c>
      <c r="D56" s="2" t="s">
        <v>49</v>
      </c>
      <c r="E56" s="2" t="s">
        <v>49</v>
      </c>
      <c r="F56" s="2" t="s">
        <v>49</v>
      </c>
      <c r="G56" s="2" t="s">
        <v>49</v>
      </c>
      <c r="H56" s="2" t="s">
        <v>49</v>
      </c>
      <c r="I56" s="2" t="s">
        <v>49</v>
      </c>
    </row>
    <row r="57" spans="1:9" x14ac:dyDescent="0.2">
      <c r="A57" s="5" t="s">
        <v>200</v>
      </c>
      <c r="B57" s="7" t="s">
        <v>201</v>
      </c>
      <c r="C57" s="3" t="s">
        <v>202</v>
      </c>
      <c r="D57" s="3" t="s">
        <v>202</v>
      </c>
      <c r="E57" s="3" t="s">
        <v>203</v>
      </c>
      <c r="F57" s="3" t="s">
        <v>204</v>
      </c>
      <c r="G57" s="3" t="s">
        <v>203</v>
      </c>
      <c r="H57" s="3" t="s">
        <v>204</v>
      </c>
      <c r="I57" s="3" t="s">
        <v>205</v>
      </c>
    </row>
    <row r="58" spans="1:9" x14ac:dyDescent="0.2">
      <c r="A58" s="4" t="s">
        <v>206</v>
      </c>
      <c r="B58" s="6" t="s">
        <v>207</v>
      </c>
      <c r="C58" s="2" t="s">
        <v>208</v>
      </c>
      <c r="D58" s="2" t="s">
        <v>208</v>
      </c>
      <c r="E58" s="2" t="s">
        <v>209</v>
      </c>
      <c r="F58" s="2" t="s">
        <v>210</v>
      </c>
      <c r="G58" s="2" t="s">
        <v>209</v>
      </c>
      <c r="H58" s="2" t="s">
        <v>210</v>
      </c>
      <c r="I58" s="2" t="s">
        <v>211</v>
      </c>
    </row>
    <row r="59" spans="1:9" x14ac:dyDescent="0.2">
      <c r="A59" s="4" t="s">
        <v>212</v>
      </c>
      <c r="B59" s="6" t="s">
        <v>213</v>
      </c>
      <c r="C59" s="2" t="s">
        <v>214</v>
      </c>
      <c r="D59" s="2" t="s">
        <v>214</v>
      </c>
      <c r="E59" s="2" t="s">
        <v>215</v>
      </c>
      <c r="F59" s="2" t="s">
        <v>216</v>
      </c>
      <c r="G59" s="2" t="s">
        <v>215</v>
      </c>
      <c r="H59" s="2" t="s">
        <v>216</v>
      </c>
      <c r="I59" s="2" t="s">
        <v>217</v>
      </c>
    </row>
    <row r="60" spans="1:9" x14ac:dyDescent="0.2">
      <c r="A60" s="4" t="s">
        <v>218</v>
      </c>
      <c r="B60" s="6" t="s">
        <v>219</v>
      </c>
      <c r="C60" s="2" t="s">
        <v>220</v>
      </c>
      <c r="D60" s="2" t="s">
        <v>220</v>
      </c>
      <c r="E60" s="2" t="s">
        <v>221</v>
      </c>
      <c r="F60" s="2" t="s">
        <v>222</v>
      </c>
      <c r="G60" s="2" t="s">
        <v>221</v>
      </c>
      <c r="H60" s="2" t="s">
        <v>222</v>
      </c>
      <c r="I60" s="2" t="s">
        <v>223</v>
      </c>
    </row>
    <row r="61" spans="1:9" x14ac:dyDescent="0.2">
      <c r="A61" s="5" t="s">
        <v>224</v>
      </c>
      <c r="B61" s="7" t="s">
        <v>225</v>
      </c>
      <c r="C61" s="3" t="s">
        <v>226</v>
      </c>
      <c r="D61" s="3" t="s">
        <v>226</v>
      </c>
      <c r="E61" s="3" t="s">
        <v>227</v>
      </c>
      <c r="F61" s="3" t="s">
        <v>228</v>
      </c>
      <c r="G61" s="3" t="s">
        <v>227</v>
      </c>
      <c r="H61" s="3" t="s">
        <v>228</v>
      </c>
      <c r="I61" s="3" t="s">
        <v>229</v>
      </c>
    </row>
    <row r="62" spans="1:9" x14ac:dyDescent="0.2">
      <c r="A62" s="4" t="s">
        <v>230</v>
      </c>
      <c r="B62" s="6" t="s">
        <v>132</v>
      </c>
      <c r="C62" s="2" t="s">
        <v>231</v>
      </c>
      <c r="D62" s="2" t="s">
        <v>231</v>
      </c>
      <c r="E62" s="2" t="s">
        <v>232</v>
      </c>
      <c r="F62" s="2" t="s">
        <v>233</v>
      </c>
      <c r="G62" s="2" t="s">
        <v>232</v>
      </c>
      <c r="H62" s="2" t="s">
        <v>233</v>
      </c>
      <c r="I62" s="2" t="s">
        <v>234</v>
      </c>
    </row>
    <row r="63" spans="1:9" x14ac:dyDescent="0.2">
      <c r="A63" s="4" t="s">
        <v>235</v>
      </c>
      <c r="B63" s="6" t="s">
        <v>138</v>
      </c>
      <c r="C63" s="2" t="s">
        <v>236</v>
      </c>
      <c r="D63" s="2" t="s">
        <v>236</v>
      </c>
      <c r="E63" s="2" t="s">
        <v>237</v>
      </c>
      <c r="F63" s="2" t="s">
        <v>238</v>
      </c>
      <c r="G63" s="2" t="s">
        <v>237</v>
      </c>
      <c r="H63" s="2" t="s">
        <v>238</v>
      </c>
      <c r="I63" s="2" t="s">
        <v>239</v>
      </c>
    </row>
    <row r="64" spans="1:9" x14ac:dyDescent="0.2">
      <c r="A64" s="4" t="s">
        <v>240</v>
      </c>
      <c r="B64" s="6" t="s">
        <v>144</v>
      </c>
      <c r="C64" s="2" t="s">
        <v>49</v>
      </c>
      <c r="D64" s="2" t="s">
        <v>49</v>
      </c>
      <c r="E64" s="2" t="s">
        <v>49</v>
      </c>
      <c r="F64" s="2" t="s">
        <v>49</v>
      </c>
      <c r="G64" s="2" t="s">
        <v>49</v>
      </c>
      <c r="H64" s="2" t="s">
        <v>49</v>
      </c>
      <c r="I64" s="2" t="s">
        <v>49</v>
      </c>
    </row>
    <row r="65" spans="1:9" x14ac:dyDescent="0.2">
      <c r="A65" s="4" t="s">
        <v>241</v>
      </c>
      <c r="B65" s="6" t="s">
        <v>146</v>
      </c>
      <c r="C65" s="2" t="s">
        <v>49</v>
      </c>
      <c r="D65" s="2" t="s">
        <v>49</v>
      </c>
      <c r="E65" s="2" t="s">
        <v>49</v>
      </c>
      <c r="F65" s="2" t="s">
        <v>49</v>
      </c>
      <c r="G65" s="2" t="s">
        <v>49</v>
      </c>
      <c r="H65" s="2" t="s">
        <v>49</v>
      </c>
      <c r="I65" s="2" t="s">
        <v>49</v>
      </c>
    </row>
    <row r="66" spans="1:9" x14ac:dyDescent="0.2">
      <c r="A66" s="4" t="s">
        <v>242</v>
      </c>
      <c r="B66" s="6" t="s">
        <v>243</v>
      </c>
      <c r="C66" s="2" t="s">
        <v>49</v>
      </c>
      <c r="D66" s="2" t="s">
        <v>49</v>
      </c>
      <c r="E66" s="2" t="s">
        <v>49</v>
      </c>
      <c r="F66" s="2" t="s">
        <v>49</v>
      </c>
      <c r="G66" s="2" t="s">
        <v>49</v>
      </c>
      <c r="H66" s="2" t="s">
        <v>49</v>
      </c>
      <c r="I66" s="2" t="s">
        <v>49</v>
      </c>
    </row>
    <row r="67" spans="1:9" x14ac:dyDescent="0.2">
      <c r="A67" s="4" t="s">
        <v>244</v>
      </c>
      <c r="B67" s="6" t="s">
        <v>149</v>
      </c>
      <c r="C67" s="2" t="s">
        <v>245</v>
      </c>
      <c r="D67" s="2" t="s">
        <v>245</v>
      </c>
      <c r="E67" s="2" t="s">
        <v>246</v>
      </c>
      <c r="F67" s="2" t="s">
        <v>247</v>
      </c>
      <c r="G67" s="2" t="s">
        <v>246</v>
      </c>
      <c r="H67" s="2" t="s">
        <v>247</v>
      </c>
      <c r="I67" s="2" t="s">
        <v>248</v>
      </c>
    </row>
    <row r="68" spans="1:9" x14ac:dyDescent="0.2">
      <c r="A68" s="4" t="s">
        <v>249</v>
      </c>
      <c r="B68" s="6" t="s">
        <v>155</v>
      </c>
      <c r="C68" s="2" t="s">
        <v>49</v>
      </c>
      <c r="D68" s="2" t="s">
        <v>49</v>
      </c>
      <c r="E68" s="2" t="s">
        <v>49</v>
      </c>
      <c r="F68" s="2" t="s">
        <v>49</v>
      </c>
      <c r="G68" s="2" t="s">
        <v>49</v>
      </c>
      <c r="H68" s="2" t="s">
        <v>49</v>
      </c>
      <c r="I68" s="2" t="s">
        <v>49</v>
      </c>
    </row>
    <row r="69" spans="1:9" x14ac:dyDescent="0.2">
      <c r="A69" s="5" t="s">
        <v>250</v>
      </c>
      <c r="B69" s="7" t="s">
        <v>251</v>
      </c>
      <c r="C69" s="3" t="s">
        <v>49</v>
      </c>
      <c r="D69" s="3" t="s">
        <v>49</v>
      </c>
      <c r="E69" s="3" t="s">
        <v>49</v>
      </c>
      <c r="F69" s="3" t="s">
        <v>49</v>
      </c>
      <c r="G69" s="3" t="s">
        <v>49</v>
      </c>
      <c r="H69" s="3" t="s">
        <v>49</v>
      </c>
      <c r="I69" s="3" t="s">
        <v>49</v>
      </c>
    </row>
    <row r="70" spans="1:9" x14ac:dyDescent="0.2">
      <c r="A70" s="4" t="s">
        <v>252</v>
      </c>
      <c r="B70" s="6" t="s">
        <v>253</v>
      </c>
      <c r="C70" s="2" t="s">
        <v>49</v>
      </c>
      <c r="D70" s="2" t="s">
        <v>49</v>
      </c>
      <c r="E70" s="2" t="s">
        <v>49</v>
      </c>
      <c r="F70" s="2" t="s">
        <v>49</v>
      </c>
      <c r="G70" s="2" t="s">
        <v>49</v>
      </c>
      <c r="H70" s="2" t="s">
        <v>49</v>
      </c>
      <c r="I70" s="2" t="s">
        <v>49</v>
      </c>
    </row>
    <row r="71" spans="1:9" x14ac:dyDescent="0.2">
      <c r="A71" s="4" t="s">
        <v>254</v>
      </c>
      <c r="B71" s="6" t="s">
        <v>255</v>
      </c>
      <c r="C71" s="2" t="s">
        <v>49</v>
      </c>
      <c r="D71" s="2" t="s">
        <v>49</v>
      </c>
      <c r="E71" s="2" t="s">
        <v>49</v>
      </c>
      <c r="F71" s="2" t="s">
        <v>49</v>
      </c>
      <c r="G71" s="2" t="s">
        <v>49</v>
      </c>
      <c r="H71" s="2" t="s">
        <v>49</v>
      </c>
      <c r="I71" s="2" t="s">
        <v>49</v>
      </c>
    </row>
    <row r="72" spans="1:9" x14ac:dyDescent="0.2">
      <c r="A72" s="4" t="s">
        <v>256</v>
      </c>
      <c r="B72" s="6" t="s">
        <v>257</v>
      </c>
      <c r="C72" s="2" t="s">
        <v>49</v>
      </c>
      <c r="D72" s="2" t="s">
        <v>49</v>
      </c>
      <c r="E72" s="2" t="s">
        <v>49</v>
      </c>
      <c r="F72" s="2" t="s">
        <v>49</v>
      </c>
      <c r="G72" s="2" t="s">
        <v>49</v>
      </c>
      <c r="H72" s="2" t="s">
        <v>49</v>
      </c>
      <c r="I72" s="2" t="s">
        <v>49</v>
      </c>
    </row>
    <row r="73" spans="1:9" x14ac:dyDescent="0.2">
      <c r="A73" s="4" t="s">
        <v>258</v>
      </c>
      <c r="B73" s="6" t="s">
        <v>259</v>
      </c>
      <c r="C73" s="2" t="s">
        <v>49</v>
      </c>
      <c r="D73" s="2" t="s">
        <v>49</v>
      </c>
      <c r="E73" s="2" t="s">
        <v>49</v>
      </c>
      <c r="F73" s="2" t="s">
        <v>49</v>
      </c>
      <c r="G73" s="2" t="s">
        <v>49</v>
      </c>
      <c r="H73" s="2" t="s">
        <v>49</v>
      </c>
      <c r="I73" s="2" t="s">
        <v>49</v>
      </c>
    </row>
    <row r="74" spans="1:9" x14ac:dyDescent="0.2">
      <c r="A74" s="4" t="s">
        <v>260</v>
      </c>
      <c r="B74" s="6" t="s">
        <v>261</v>
      </c>
      <c r="C74" s="2" t="s">
        <v>49</v>
      </c>
      <c r="D74" s="2" t="s">
        <v>49</v>
      </c>
      <c r="E74" s="2" t="s">
        <v>49</v>
      </c>
      <c r="F74" s="2" t="s">
        <v>49</v>
      </c>
      <c r="G74" s="2" t="s">
        <v>49</v>
      </c>
      <c r="H74" s="2" t="s">
        <v>49</v>
      </c>
      <c r="I74" s="2" t="s">
        <v>49</v>
      </c>
    </row>
    <row r="75" spans="1:9" x14ac:dyDescent="0.2">
      <c r="A75" s="4" t="s">
        <v>262</v>
      </c>
      <c r="B75" s="6" t="s">
        <v>263</v>
      </c>
      <c r="C75" s="2" t="s">
        <v>264</v>
      </c>
      <c r="D75" s="2" t="s">
        <v>264</v>
      </c>
      <c r="E75" s="2" t="s">
        <v>265</v>
      </c>
      <c r="F75" s="2" t="s">
        <v>266</v>
      </c>
      <c r="G75" s="2" t="s">
        <v>265</v>
      </c>
      <c r="H75" s="2" t="s">
        <v>266</v>
      </c>
      <c r="I75" s="2" t="s">
        <v>267</v>
      </c>
    </row>
    <row r="76" spans="1:9" x14ac:dyDescent="0.2">
      <c r="A76" s="5" t="s">
        <v>268</v>
      </c>
      <c r="B76" s="7" t="s">
        <v>269</v>
      </c>
      <c r="C76" s="3" t="s">
        <v>270</v>
      </c>
      <c r="D76" s="3" t="s">
        <v>270</v>
      </c>
      <c r="E76" s="3" t="s">
        <v>271</v>
      </c>
      <c r="F76" s="3" t="s">
        <v>272</v>
      </c>
      <c r="G76" s="3" t="s">
        <v>271</v>
      </c>
      <c r="H76" s="3" t="s">
        <v>272</v>
      </c>
      <c r="I76" s="3" t="s">
        <v>273</v>
      </c>
    </row>
    <row r="77" spans="1:9" x14ac:dyDescent="0.2">
      <c r="A77" s="5" t="s">
        <v>274</v>
      </c>
      <c r="B77" s="7" t="s">
        <v>275</v>
      </c>
      <c r="C77" s="3" t="s">
        <v>49</v>
      </c>
      <c r="D77" s="3" t="s">
        <v>49</v>
      </c>
      <c r="E77" s="3" t="s">
        <v>49</v>
      </c>
      <c r="F77" s="3" t="s">
        <v>49</v>
      </c>
      <c r="G77" s="3" t="s">
        <v>49</v>
      </c>
      <c r="H77" s="3" t="s">
        <v>49</v>
      </c>
      <c r="I77" s="3" t="s">
        <v>49</v>
      </c>
    </row>
    <row r="78" spans="1:9" x14ac:dyDescent="0.2">
      <c r="A78" s="5" t="s">
        <v>276</v>
      </c>
      <c r="B78" s="7" t="s">
        <v>277</v>
      </c>
      <c r="C78" s="3" t="s">
        <v>49</v>
      </c>
      <c r="D78" s="3" t="s">
        <v>49</v>
      </c>
      <c r="E78" s="3" t="s">
        <v>49</v>
      </c>
      <c r="F78" s="3" t="s">
        <v>49</v>
      </c>
      <c r="G78" s="3" t="s">
        <v>49</v>
      </c>
      <c r="H78" s="3" t="s">
        <v>49</v>
      </c>
      <c r="I78" s="3" t="s">
        <v>49</v>
      </c>
    </row>
    <row r="79" spans="1:9" x14ac:dyDescent="0.2">
      <c r="A79" s="4" t="s">
        <v>278</v>
      </c>
      <c r="B79" s="6" t="s">
        <v>279</v>
      </c>
      <c r="C79" s="2" t="s">
        <v>49</v>
      </c>
      <c r="D79" s="2" t="s">
        <v>49</v>
      </c>
      <c r="E79" s="2" t="s">
        <v>49</v>
      </c>
      <c r="F79" s="2" t="s">
        <v>49</v>
      </c>
      <c r="G79" s="2" t="s">
        <v>49</v>
      </c>
      <c r="H79" s="2" t="s">
        <v>49</v>
      </c>
      <c r="I79" s="2" t="s">
        <v>49</v>
      </c>
    </row>
    <row r="80" spans="1:9" x14ac:dyDescent="0.2">
      <c r="A80" s="4" t="s">
        <v>280</v>
      </c>
      <c r="B80" s="6" t="s">
        <v>281</v>
      </c>
      <c r="C80" s="2" t="s">
        <v>49</v>
      </c>
      <c r="D80" s="2" t="s">
        <v>49</v>
      </c>
      <c r="E80" s="2" t="s">
        <v>49</v>
      </c>
      <c r="F80" s="2" t="s">
        <v>49</v>
      </c>
      <c r="G80" s="2" t="s">
        <v>49</v>
      </c>
      <c r="H80" s="2" t="s">
        <v>49</v>
      </c>
      <c r="I80" s="2" t="s">
        <v>49</v>
      </c>
    </row>
    <row r="81" spans="1:11" x14ac:dyDescent="0.2">
      <c r="A81" s="5" t="s">
        <v>282</v>
      </c>
      <c r="B81" s="7" t="s">
        <v>283</v>
      </c>
      <c r="C81" s="3" t="s">
        <v>49</v>
      </c>
      <c r="D81" s="3" t="s">
        <v>49</v>
      </c>
      <c r="E81" s="3" t="s">
        <v>49</v>
      </c>
      <c r="F81" s="3" t="s">
        <v>49</v>
      </c>
      <c r="G81" s="3" t="s">
        <v>49</v>
      </c>
      <c r="H81" s="3" t="s">
        <v>49</v>
      </c>
      <c r="I81" s="3" t="s">
        <v>49</v>
      </c>
    </row>
    <row r="82" spans="1:11" x14ac:dyDescent="0.2">
      <c r="A82" s="4" t="s">
        <v>284</v>
      </c>
      <c r="B82" s="6" t="s">
        <v>279</v>
      </c>
      <c r="C82" s="2" t="s">
        <v>49</v>
      </c>
      <c r="D82" s="2" t="s">
        <v>49</v>
      </c>
      <c r="E82" s="2" t="s">
        <v>49</v>
      </c>
      <c r="F82" s="2" t="s">
        <v>49</v>
      </c>
      <c r="G82" s="2" t="s">
        <v>49</v>
      </c>
      <c r="H82" s="2" t="s">
        <v>49</v>
      </c>
      <c r="I82" s="2" t="s">
        <v>49</v>
      </c>
    </row>
    <row r="83" spans="1:11" x14ac:dyDescent="0.2">
      <c r="A83" s="4" t="s">
        <v>285</v>
      </c>
      <c r="B83" s="6" t="s">
        <v>281</v>
      </c>
      <c r="C83" s="2" t="s">
        <v>49</v>
      </c>
      <c r="D83" s="2" t="s">
        <v>49</v>
      </c>
      <c r="E83" s="2" t="s">
        <v>49</v>
      </c>
      <c r="F83" s="2" t="s">
        <v>49</v>
      </c>
      <c r="G83" s="2" t="s">
        <v>49</v>
      </c>
      <c r="H83" s="2" t="s">
        <v>49</v>
      </c>
      <c r="I83" s="2" t="s">
        <v>49</v>
      </c>
    </row>
    <row r="84" spans="1:11" x14ac:dyDescent="0.2">
      <c r="A84" s="5" t="s">
        <v>286</v>
      </c>
      <c r="B84" s="7" t="s">
        <v>287</v>
      </c>
      <c r="C84" s="3" t="s">
        <v>270</v>
      </c>
      <c r="D84" s="3" t="s">
        <v>270</v>
      </c>
      <c r="E84" s="3" t="s">
        <v>271</v>
      </c>
      <c r="F84" s="3" t="s">
        <v>272</v>
      </c>
      <c r="G84" s="3" t="s">
        <v>271</v>
      </c>
      <c r="H84" s="3" t="s">
        <v>272</v>
      </c>
      <c r="I84" s="3" t="s">
        <v>273</v>
      </c>
    </row>
    <row r="85" spans="1:11" x14ac:dyDescent="0.2">
      <c r="A85" s="4" t="s">
        <v>288</v>
      </c>
      <c r="B85" s="6" t="s">
        <v>289</v>
      </c>
      <c r="C85" s="2" t="s">
        <v>49</v>
      </c>
      <c r="D85" s="2" t="s">
        <v>49</v>
      </c>
      <c r="E85" s="2" t="s">
        <v>49</v>
      </c>
      <c r="F85" s="2" t="s">
        <v>49</v>
      </c>
      <c r="G85" s="2" t="s">
        <v>290</v>
      </c>
      <c r="H85" s="2" t="s">
        <v>49</v>
      </c>
      <c r="I85" s="2" t="s">
        <v>49</v>
      </c>
    </row>
    <row r="86" spans="1:11" x14ac:dyDescent="0.2">
      <c r="A86" s="5" t="s">
        <v>291</v>
      </c>
      <c r="B86" s="7" t="s">
        <v>292</v>
      </c>
      <c r="C86" s="3" t="s">
        <v>270</v>
      </c>
      <c r="D86" s="3" t="s">
        <v>270</v>
      </c>
      <c r="E86" s="3" t="s">
        <v>271</v>
      </c>
      <c r="F86" s="3" t="s">
        <v>272</v>
      </c>
      <c r="G86" s="3" t="s">
        <v>293</v>
      </c>
      <c r="H86" s="3" t="s">
        <v>294</v>
      </c>
      <c r="I86" s="3" t="s">
        <v>295</v>
      </c>
    </row>
    <row r="87" spans="1:11" x14ac:dyDescent="0.2">
      <c r="A87" s="5" t="s">
        <v>296</v>
      </c>
      <c r="B87" s="7" t="s">
        <v>297</v>
      </c>
      <c r="C87" s="3" t="s">
        <v>49</v>
      </c>
      <c r="D87" s="3" t="s">
        <v>49</v>
      </c>
      <c r="E87" s="3" t="s">
        <v>49</v>
      </c>
      <c r="F87" s="3" t="s">
        <v>49</v>
      </c>
      <c r="G87" s="3" t="s">
        <v>49</v>
      </c>
      <c r="H87" s="3" t="s">
        <v>49</v>
      </c>
      <c r="I87" s="3" t="s">
        <v>49</v>
      </c>
    </row>
    <row r="88" spans="1:11" x14ac:dyDescent="0.2">
      <c r="A88" s="4" t="s">
        <v>298</v>
      </c>
      <c r="B88" s="6" t="s">
        <v>299</v>
      </c>
      <c r="C88" s="2" t="s">
        <v>49</v>
      </c>
      <c r="D88" s="2" t="s">
        <v>49</v>
      </c>
      <c r="E88" s="2" t="s">
        <v>49</v>
      </c>
      <c r="F88" s="2" t="s">
        <v>49</v>
      </c>
      <c r="G88" s="2" t="s">
        <v>49</v>
      </c>
      <c r="H88" s="2" t="s">
        <v>49</v>
      </c>
      <c r="I88" s="2" t="s">
        <v>49</v>
      </c>
    </row>
    <row r="89" spans="1:11" x14ac:dyDescent="0.2">
      <c r="A89" s="4" t="s">
        <v>300</v>
      </c>
      <c r="B89" s="6" t="s">
        <v>301</v>
      </c>
      <c r="C89" s="2" t="s">
        <v>49</v>
      </c>
      <c r="D89" s="2" t="s">
        <v>49</v>
      </c>
      <c r="E89" s="2" t="s">
        <v>49</v>
      </c>
      <c r="F89" s="2" t="s">
        <v>49</v>
      </c>
      <c r="G89" s="2" t="s">
        <v>49</v>
      </c>
      <c r="H89" s="2" t="s">
        <v>49</v>
      </c>
      <c r="I89" s="2" t="s">
        <v>49</v>
      </c>
    </row>
    <row r="90" spans="1:11" x14ac:dyDescent="0.2">
      <c r="A90" s="4" t="s">
        <v>302</v>
      </c>
      <c r="B90" s="6" t="s">
        <v>303</v>
      </c>
      <c r="C90" s="2" t="s">
        <v>49</v>
      </c>
      <c r="D90" s="2" t="s">
        <v>49</v>
      </c>
      <c r="E90" s="2" t="s">
        <v>49</v>
      </c>
      <c r="F90" s="2" t="s">
        <v>49</v>
      </c>
      <c r="G90" s="2" t="s">
        <v>49</v>
      </c>
      <c r="H90" s="2" t="s">
        <v>49</v>
      </c>
      <c r="I90" s="2" t="s">
        <v>49</v>
      </c>
    </row>
    <row r="92" spans="1:11" x14ac:dyDescent="0.2">
      <c r="A92" s="8" t="s">
        <v>6</v>
      </c>
      <c r="B92" s="8" t="s">
        <v>304</v>
      </c>
      <c r="C92" s="8" t="s">
        <v>305</v>
      </c>
      <c r="D92" s="8" t="s">
        <v>306</v>
      </c>
      <c r="E92" s="8" t="s">
        <v>307</v>
      </c>
      <c r="F92" s="8" t="s">
        <v>7</v>
      </c>
      <c r="G92" s="8" t="s">
        <v>310</v>
      </c>
      <c r="H92" s="8" t="s">
        <v>311</v>
      </c>
      <c r="I92" s="8" t="s">
        <v>7</v>
      </c>
      <c r="J92" s="8" t="s">
        <v>313</v>
      </c>
      <c r="K92" s="8" t="s">
        <v>314</v>
      </c>
    </row>
    <row r="93" spans="1:11" ht="21" x14ac:dyDescent="0.2">
      <c r="A93" s="8" t="s">
        <v>7</v>
      </c>
      <c r="B93" s="8" t="s">
        <v>7</v>
      </c>
      <c r="C93" s="8" t="s">
        <v>7</v>
      </c>
      <c r="D93" s="8" t="s">
        <v>7</v>
      </c>
      <c r="E93" s="1" t="s">
        <v>308</v>
      </c>
      <c r="F93" s="1" t="s">
        <v>309</v>
      </c>
      <c r="G93" s="8" t="s">
        <v>7</v>
      </c>
      <c r="H93" s="1" t="s">
        <v>308</v>
      </c>
      <c r="I93" s="1" t="s">
        <v>312</v>
      </c>
      <c r="J93" s="8" t="s">
        <v>7</v>
      </c>
      <c r="K93" s="8" t="s">
        <v>7</v>
      </c>
    </row>
    <row r="94" spans="1:11" x14ac:dyDescent="0.2">
      <c r="A94" s="5" t="s">
        <v>315</v>
      </c>
      <c r="B94" s="7" t="s">
        <v>316</v>
      </c>
      <c r="C94" s="3" t="s">
        <v>317</v>
      </c>
      <c r="D94" s="3" t="s">
        <v>318</v>
      </c>
      <c r="E94" s="3" t="s">
        <v>319</v>
      </c>
      <c r="F94" s="3" t="s">
        <v>319</v>
      </c>
      <c r="G94" s="3" t="s">
        <v>320</v>
      </c>
      <c r="H94" s="3" t="s">
        <v>321</v>
      </c>
      <c r="I94" s="3" t="s">
        <v>321</v>
      </c>
      <c r="J94" s="3" t="s">
        <v>322</v>
      </c>
      <c r="K94" s="3" t="s">
        <v>323</v>
      </c>
    </row>
    <row r="95" spans="1:11" x14ac:dyDescent="0.2">
      <c r="A95" s="5" t="s">
        <v>324</v>
      </c>
      <c r="B95" s="7" t="s">
        <v>325</v>
      </c>
      <c r="C95" s="3" t="s">
        <v>326</v>
      </c>
      <c r="D95" s="3" t="s">
        <v>327</v>
      </c>
      <c r="E95" s="3" t="s">
        <v>328</v>
      </c>
      <c r="F95" s="3" t="s">
        <v>328</v>
      </c>
      <c r="G95" s="3" t="s">
        <v>329</v>
      </c>
      <c r="H95" s="3" t="s">
        <v>330</v>
      </c>
      <c r="I95" s="3" t="s">
        <v>330</v>
      </c>
      <c r="J95" s="3" t="s">
        <v>331</v>
      </c>
      <c r="K95" s="3" t="s">
        <v>332</v>
      </c>
    </row>
    <row r="96" spans="1:11" x14ac:dyDescent="0.2">
      <c r="A96" s="4" t="s">
        <v>333</v>
      </c>
      <c r="B96" s="6" t="s">
        <v>334</v>
      </c>
      <c r="C96" s="2" t="s">
        <v>335</v>
      </c>
      <c r="D96" s="2" t="s">
        <v>336</v>
      </c>
      <c r="E96" s="2" t="s">
        <v>337</v>
      </c>
      <c r="F96" s="2" t="s">
        <v>337</v>
      </c>
      <c r="G96" s="2" t="s">
        <v>338</v>
      </c>
      <c r="H96" s="2" t="s">
        <v>339</v>
      </c>
      <c r="I96" s="2" t="s">
        <v>339</v>
      </c>
      <c r="J96" s="2" t="s">
        <v>340</v>
      </c>
      <c r="K96" s="2" t="s">
        <v>341</v>
      </c>
    </row>
    <row r="97" spans="1:11" x14ac:dyDescent="0.2">
      <c r="A97" s="4" t="s">
        <v>342</v>
      </c>
      <c r="B97" s="6" t="s">
        <v>343</v>
      </c>
      <c r="C97" s="2" t="s">
        <v>344</v>
      </c>
      <c r="D97" s="2" t="s">
        <v>345</v>
      </c>
      <c r="E97" s="2" t="s">
        <v>346</v>
      </c>
      <c r="F97" s="2" t="s">
        <v>346</v>
      </c>
      <c r="G97" s="2" t="s">
        <v>347</v>
      </c>
      <c r="H97" s="2" t="s">
        <v>348</v>
      </c>
      <c r="I97" s="2" t="s">
        <v>348</v>
      </c>
      <c r="J97" s="2" t="s">
        <v>349</v>
      </c>
      <c r="K97" s="2" t="s">
        <v>350</v>
      </c>
    </row>
    <row r="98" spans="1:11" x14ac:dyDescent="0.2">
      <c r="A98" s="5" t="s">
        <v>351</v>
      </c>
      <c r="B98" s="7" t="s">
        <v>352</v>
      </c>
      <c r="C98" s="3" t="s">
        <v>353</v>
      </c>
      <c r="D98" s="3" t="s">
        <v>354</v>
      </c>
      <c r="E98" s="3" t="s">
        <v>355</v>
      </c>
      <c r="F98" s="3" t="s">
        <v>355</v>
      </c>
      <c r="G98" s="3" t="s">
        <v>356</v>
      </c>
      <c r="H98" s="3" t="s">
        <v>357</v>
      </c>
      <c r="I98" s="3" t="s">
        <v>357</v>
      </c>
      <c r="J98" s="3" t="s">
        <v>358</v>
      </c>
      <c r="K98" s="3" t="s">
        <v>359</v>
      </c>
    </row>
    <row r="99" spans="1:11" x14ac:dyDescent="0.2">
      <c r="A99" s="4" t="s">
        <v>360</v>
      </c>
      <c r="B99" s="6" t="s">
        <v>361</v>
      </c>
      <c r="C99" s="2" t="s">
        <v>362</v>
      </c>
      <c r="D99" s="2" t="s">
        <v>363</v>
      </c>
      <c r="E99" s="2" t="s">
        <v>363</v>
      </c>
      <c r="F99" s="2" t="s">
        <v>363</v>
      </c>
      <c r="G99" s="2" t="s">
        <v>49</v>
      </c>
      <c r="H99" s="2" t="s">
        <v>364</v>
      </c>
      <c r="I99" s="2" t="s">
        <v>364</v>
      </c>
      <c r="J99" s="2" t="s">
        <v>365</v>
      </c>
      <c r="K99" s="2" t="s">
        <v>366</v>
      </c>
    </row>
    <row r="100" spans="1:11" x14ac:dyDescent="0.2">
      <c r="A100" s="4" t="s">
        <v>367</v>
      </c>
      <c r="B100" s="6" t="s">
        <v>368</v>
      </c>
      <c r="C100" s="2" t="s">
        <v>369</v>
      </c>
      <c r="D100" s="2" t="s">
        <v>370</v>
      </c>
      <c r="E100" s="2" t="s">
        <v>371</v>
      </c>
      <c r="F100" s="2" t="s">
        <v>371</v>
      </c>
      <c r="G100" s="2" t="s">
        <v>356</v>
      </c>
      <c r="H100" s="2" t="s">
        <v>372</v>
      </c>
      <c r="I100" s="2" t="s">
        <v>372</v>
      </c>
      <c r="J100" s="2" t="s">
        <v>373</v>
      </c>
      <c r="K100" s="2" t="s">
        <v>374</v>
      </c>
    </row>
    <row r="101" spans="1:11" x14ac:dyDescent="0.2">
      <c r="A101" s="5" t="s">
        <v>375</v>
      </c>
      <c r="B101" s="7" t="s">
        <v>376</v>
      </c>
      <c r="C101" s="3" t="s">
        <v>377</v>
      </c>
      <c r="D101" s="3" t="s">
        <v>378</v>
      </c>
      <c r="E101" s="3" t="s">
        <v>379</v>
      </c>
      <c r="F101" s="3" t="s">
        <v>379</v>
      </c>
      <c r="G101" s="3" t="s">
        <v>380</v>
      </c>
      <c r="H101" s="3" t="s">
        <v>381</v>
      </c>
      <c r="I101" s="3" t="s">
        <v>381</v>
      </c>
      <c r="J101" s="3" t="s">
        <v>382</v>
      </c>
      <c r="K101" s="3" t="s">
        <v>383</v>
      </c>
    </row>
    <row r="102" spans="1:11" x14ac:dyDescent="0.2">
      <c r="A102" s="4" t="s">
        <v>384</v>
      </c>
      <c r="B102" s="6" t="s">
        <v>385</v>
      </c>
      <c r="C102" s="2" t="s">
        <v>386</v>
      </c>
      <c r="D102" s="2" t="s">
        <v>387</v>
      </c>
      <c r="E102" s="2" t="s">
        <v>388</v>
      </c>
      <c r="F102" s="2" t="s">
        <v>388</v>
      </c>
      <c r="G102" s="2" t="s">
        <v>389</v>
      </c>
      <c r="H102" s="2" t="s">
        <v>390</v>
      </c>
      <c r="I102" s="2" t="s">
        <v>390</v>
      </c>
      <c r="J102" s="2" t="s">
        <v>391</v>
      </c>
      <c r="K102" s="2" t="s">
        <v>392</v>
      </c>
    </row>
    <row r="103" spans="1:11" x14ac:dyDescent="0.2">
      <c r="A103" s="4" t="s">
        <v>393</v>
      </c>
      <c r="B103" s="6" t="s">
        <v>394</v>
      </c>
      <c r="C103" s="2" t="s">
        <v>395</v>
      </c>
      <c r="D103" s="2" t="s">
        <v>396</v>
      </c>
      <c r="E103" s="2" t="s">
        <v>397</v>
      </c>
      <c r="F103" s="2" t="s">
        <v>397</v>
      </c>
      <c r="G103" s="2" t="s">
        <v>398</v>
      </c>
      <c r="H103" s="2" t="s">
        <v>397</v>
      </c>
      <c r="I103" s="2" t="s">
        <v>397</v>
      </c>
      <c r="J103" s="2" t="s">
        <v>398</v>
      </c>
      <c r="K103" s="2" t="s">
        <v>397</v>
      </c>
    </row>
    <row r="104" spans="1:11" x14ac:dyDescent="0.2">
      <c r="A104" s="4" t="s">
        <v>399</v>
      </c>
      <c r="B104" s="6" t="s">
        <v>400</v>
      </c>
      <c r="C104" s="2" t="s">
        <v>401</v>
      </c>
      <c r="D104" s="2" t="s">
        <v>402</v>
      </c>
      <c r="E104" s="2" t="s">
        <v>403</v>
      </c>
      <c r="F104" s="2" t="s">
        <v>403</v>
      </c>
      <c r="G104" s="2" t="s">
        <v>404</v>
      </c>
      <c r="H104" s="2" t="s">
        <v>405</v>
      </c>
      <c r="I104" s="2" t="s">
        <v>405</v>
      </c>
      <c r="J104" s="2" t="s">
        <v>406</v>
      </c>
      <c r="K104" s="2" t="s">
        <v>407</v>
      </c>
    </row>
    <row r="105" spans="1:11" x14ac:dyDescent="0.2">
      <c r="A105" s="4" t="s">
        <v>408</v>
      </c>
      <c r="B105" s="6" t="s">
        <v>409</v>
      </c>
      <c r="C105" s="2" t="s">
        <v>410</v>
      </c>
      <c r="D105" s="2" t="s">
        <v>411</v>
      </c>
      <c r="E105" s="2" t="s">
        <v>49</v>
      </c>
      <c r="F105" s="2" t="s">
        <v>49</v>
      </c>
      <c r="G105" s="2" t="s">
        <v>411</v>
      </c>
      <c r="H105" s="2" t="s">
        <v>49</v>
      </c>
      <c r="I105" s="2" t="s">
        <v>49</v>
      </c>
      <c r="J105" s="2" t="s">
        <v>411</v>
      </c>
      <c r="K105" s="2" t="s">
        <v>49</v>
      </c>
    </row>
    <row r="106" spans="1:11" x14ac:dyDescent="0.2">
      <c r="A106" s="4" t="s">
        <v>412</v>
      </c>
      <c r="B106" s="6" t="s">
        <v>413</v>
      </c>
      <c r="C106" s="2" t="s">
        <v>414</v>
      </c>
      <c r="D106" s="2" t="s">
        <v>415</v>
      </c>
      <c r="E106" s="2" t="s">
        <v>416</v>
      </c>
      <c r="F106" s="2" t="s">
        <v>416</v>
      </c>
      <c r="G106" s="2" t="s">
        <v>417</v>
      </c>
      <c r="H106" s="2" t="s">
        <v>418</v>
      </c>
      <c r="I106" s="2" t="s">
        <v>418</v>
      </c>
      <c r="J106" s="2" t="s">
        <v>419</v>
      </c>
      <c r="K106" s="2" t="s">
        <v>420</v>
      </c>
    </row>
    <row r="107" spans="1:11" x14ac:dyDescent="0.2">
      <c r="A107" s="5" t="s">
        <v>421</v>
      </c>
      <c r="B107" s="7" t="s">
        <v>422</v>
      </c>
      <c r="C107" s="3" t="s">
        <v>270</v>
      </c>
      <c r="D107" s="3" t="s">
        <v>423</v>
      </c>
      <c r="E107" s="3" t="s">
        <v>424</v>
      </c>
      <c r="F107" s="3" t="s">
        <v>424</v>
      </c>
      <c r="G107" s="3" t="s">
        <v>425</v>
      </c>
      <c r="H107" s="3" t="s">
        <v>293</v>
      </c>
      <c r="I107" s="3" t="s">
        <v>293</v>
      </c>
      <c r="J107" s="3" t="s">
        <v>426</v>
      </c>
      <c r="K107" s="3" t="s">
        <v>427</v>
      </c>
    </row>
    <row r="108" spans="1:11" x14ac:dyDescent="0.2">
      <c r="A108" s="5" t="s">
        <v>428</v>
      </c>
      <c r="B108" s="7" t="s">
        <v>429</v>
      </c>
      <c r="C108" s="3" t="s">
        <v>49</v>
      </c>
      <c r="D108" s="3" t="s">
        <v>49</v>
      </c>
      <c r="E108" s="3" t="s">
        <v>49</v>
      </c>
      <c r="F108" s="3" t="s">
        <v>49</v>
      </c>
      <c r="G108" s="3" t="s">
        <v>49</v>
      </c>
      <c r="H108" s="3" t="s">
        <v>49</v>
      </c>
      <c r="I108" s="3" t="s">
        <v>49</v>
      </c>
      <c r="J108" s="3" t="s">
        <v>49</v>
      </c>
      <c r="K108" s="3" t="s">
        <v>49</v>
      </c>
    </row>
    <row r="109" spans="1:11" x14ac:dyDescent="0.2">
      <c r="A109" s="5" t="s">
        <v>430</v>
      </c>
      <c r="B109" s="7" t="s">
        <v>431</v>
      </c>
      <c r="C109" s="3" t="s">
        <v>49</v>
      </c>
      <c r="D109" s="3" t="s">
        <v>49</v>
      </c>
      <c r="E109" s="3" t="s">
        <v>49</v>
      </c>
      <c r="F109" s="3" t="s">
        <v>49</v>
      </c>
      <c r="G109" s="3" t="s">
        <v>49</v>
      </c>
      <c r="H109" s="3" t="s">
        <v>49</v>
      </c>
      <c r="I109" s="3" t="s">
        <v>49</v>
      </c>
      <c r="J109" s="3" t="s">
        <v>49</v>
      </c>
      <c r="K109" s="3" t="s">
        <v>49</v>
      </c>
    </row>
    <row r="110" spans="1:11" x14ac:dyDescent="0.2">
      <c r="A110" s="4" t="s">
        <v>432</v>
      </c>
      <c r="B110" s="6" t="s">
        <v>433</v>
      </c>
      <c r="C110" s="2" t="s">
        <v>49</v>
      </c>
      <c r="D110" s="2" t="s">
        <v>49</v>
      </c>
      <c r="E110" s="2" t="s">
        <v>49</v>
      </c>
      <c r="F110" s="2" t="s">
        <v>49</v>
      </c>
      <c r="G110" s="2" t="s">
        <v>49</v>
      </c>
      <c r="H110" s="2" t="s">
        <v>49</v>
      </c>
      <c r="I110" s="2" t="s">
        <v>49</v>
      </c>
      <c r="J110" s="2" t="s">
        <v>49</v>
      </c>
      <c r="K110" s="2" t="s">
        <v>49</v>
      </c>
    </row>
    <row r="111" spans="1:11" x14ac:dyDescent="0.2">
      <c r="A111" s="4" t="s">
        <v>434</v>
      </c>
      <c r="B111" s="6" t="s">
        <v>435</v>
      </c>
      <c r="C111" s="2" t="s">
        <v>49</v>
      </c>
      <c r="D111" s="2" t="s">
        <v>49</v>
      </c>
      <c r="E111" s="2" t="s">
        <v>49</v>
      </c>
      <c r="F111" s="2" t="s">
        <v>49</v>
      </c>
      <c r="G111" s="2" t="s">
        <v>49</v>
      </c>
      <c r="H111" s="2" t="s">
        <v>49</v>
      </c>
      <c r="I111" s="2" t="s">
        <v>49</v>
      </c>
      <c r="J111" s="2" t="s">
        <v>49</v>
      </c>
      <c r="K111" s="2" t="s">
        <v>49</v>
      </c>
    </row>
    <row r="112" spans="1:11" x14ac:dyDescent="0.2">
      <c r="A112" s="5" t="s">
        <v>436</v>
      </c>
      <c r="B112" s="7" t="s">
        <v>437</v>
      </c>
      <c r="C112" s="3" t="s">
        <v>49</v>
      </c>
      <c r="D112" s="3" t="s">
        <v>49</v>
      </c>
      <c r="E112" s="3" t="s">
        <v>49</v>
      </c>
      <c r="F112" s="3" t="s">
        <v>49</v>
      </c>
      <c r="G112" s="3" t="s">
        <v>49</v>
      </c>
      <c r="H112" s="3" t="s">
        <v>49</v>
      </c>
      <c r="I112" s="3" t="s">
        <v>49</v>
      </c>
      <c r="J112" s="3" t="s">
        <v>49</v>
      </c>
      <c r="K112" s="3" t="s">
        <v>49</v>
      </c>
    </row>
    <row r="113" spans="1:11" x14ac:dyDescent="0.2">
      <c r="A113" s="4" t="s">
        <v>438</v>
      </c>
      <c r="B113" s="6" t="s">
        <v>433</v>
      </c>
      <c r="C113" s="2" t="s">
        <v>49</v>
      </c>
      <c r="D113" s="2" t="s">
        <v>49</v>
      </c>
      <c r="E113" s="2" t="s">
        <v>49</v>
      </c>
      <c r="F113" s="2" t="s">
        <v>49</v>
      </c>
      <c r="G113" s="2" t="s">
        <v>49</v>
      </c>
      <c r="H113" s="2" t="s">
        <v>49</v>
      </c>
      <c r="I113" s="2" t="s">
        <v>49</v>
      </c>
      <c r="J113" s="2" t="s">
        <v>49</v>
      </c>
      <c r="K113" s="2" t="s">
        <v>49</v>
      </c>
    </row>
    <row r="114" spans="1:11" x14ac:dyDescent="0.2">
      <c r="A114" s="4" t="s">
        <v>439</v>
      </c>
      <c r="B114" s="6" t="s">
        <v>435</v>
      </c>
      <c r="C114" s="2" t="s">
        <v>49</v>
      </c>
      <c r="D114" s="2" t="s">
        <v>49</v>
      </c>
      <c r="E114" s="2" t="s">
        <v>49</v>
      </c>
      <c r="F114" s="2" t="s">
        <v>49</v>
      </c>
      <c r="G114" s="2" t="s">
        <v>49</v>
      </c>
      <c r="H114" s="2" t="s">
        <v>49</v>
      </c>
      <c r="I114" s="2" t="s">
        <v>49</v>
      </c>
      <c r="J114" s="2" t="s">
        <v>49</v>
      </c>
      <c r="K114" s="2" t="s">
        <v>49</v>
      </c>
    </row>
    <row r="115" spans="1:11" x14ac:dyDescent="0.2">
      <c r="A115" s="5" t="s">
        <v>440</v>
      </c>
      <c r="B115" s="7" t="s">
        <v>441</v>
      </c>
      <c r="C115" s="3" t="s">
        <v>270</v>
      </c>
      <c r="D115" s="3" t="s">
        <v>423</v>
      </c>
      <c r="E115" s="3" t="s">
        <v>424</v>
      </c>
      <c r="F115" s="3" t="s">
        <v>424</v>
      </c>
      <c r="G115" s="3" t="s">
        <v>425</v>
      </c>
      <c r="H115" s="3" t="s">
        <v>293</v>
      </c>
      <c r="I115" s="3" t="s">
        <v>293</v>
      </c>
      <c r="J115" s="3" t="s">
        <v>426</v>
      </c>
      <c r="K115" s="3" t="s">
        <v>427</v>
      </c>
    </row>
    <row r="116" spans="1:11" x14ac:dyDescent="0.2">
      <c r="A116" s="4" t="s">
        <v>442</v>
      </c>
      <c r="B116" s="6" t="s">
        <v>443</v>
      </c>
      <c r="C116" s="2" t="s">
        <v>49</v>
      </c>
      <c r="D116" s="2" t="s">
        <v>49</v>
      </c>
      <c r="E116" s="2" t="s">
        <v>49</v>
      </c>
      <c r="F116" s="2" t="s">
        <v>49</v>
      </c>
      <c r="G116" s="2" t="s">
        <v>49</v>
      </c>
      <c r="H116" s="2" t="s">
        <v>49</v>
      </c>
      <c r="I116" s="2" t="s">
        <v>49</v>
      </c>
      <c r="J116" s="2" t="s">
        <v>49</v>
      </c>
      <c r="K116" s="2" t="s">
        <v>49</v>
      </c>
    </row>
    <row r="117" spans="1:11" x14ac:dyDescent="0.2">
      <c r="A117" s="5" t="s">
        <v>444</v>
      </c>
      <c r="B117" s="7" t="s">
        <v>445</v>
      </c>
      <c r="C117" s="3" t="s">
        <v>270</v>
      </c>
      <c r="D117" s="3" t="s">
        <v>423</v>
      </c>
      <c r="E117" s="3" t="s">
        <v>424</v>
      </c>
      <c r="F117" s="3" t="s">
        <v>424</v>
      </c>
      <c r="G117" s="3" t="s">
        <v>425</v>
      </c>
      <c r="H117" s="3" t="s">
        <v>293</v>
      </c>
      <c r="I117" s="3" t="s">
        <v>293</v>
      </c>
      <c r="J117" s="3" t="s">
        <v>426</v>
      </c>
      <c r="K117" s="3" t="s">
        <v>427</v>
      </c>
    </row>
    <row r="118" spans="1:11" x14ac:dyDescent="0.2">
      <c r="A118" s="4" t="s">
        <v>446</v>
      </c>
      <c r="B118" s="6" t="s">
        <v>447</v>
      </c>
      <c r="C118" s="2" t="s">
        <v>49</v>
      </c>
      <c r="D118" s="2" t="s">
        <v>49</v>
      </c>
      <c r="E118" s="2" t="s">
        <v>49</v>
      </c>
      <c r="F118" s="2" t="s">
        <v>49</v>
      </c>
      <c r="G118" s="2" t="s">
        <v>49</v>
      </c>
      <c r="H118" s="2" t="s">
        <v>49</v>
      </c>
      <c r="I118" s="2" t="s">
        <v>49</v>
      </c>
      <c r="J118" s="2" t="s">
        <v>49</v>
      </c>
      <c r="K118" s="2" t="s">
        <v>49</v>
      </c>
    </row>
    <row r="120" spans="1:11" x14ac:dyDescent="0.2">
      <c r="A120" s="8" t="s">
        <v>6</v>
      </c>
      <c r="B120" s="8" t="s">
        <v>448</v>
      </c>
      <c r="C120" s="8" t="s">
        <v>9</v>
      </c>
      <c r="D120" s="8" t="s">
        <v>10</v>
      </c>
      <c r="E120" s="8" t="s">
        <v>11</v>
      </c>
      <c r="F120" s="8" t="s">
        <v>7</v>
      </c>
      <c r="G120" s="8" t="s">
        <v>7</v>
      </c>
      <c r="H120" s="8" t="s">
        <v>7</v>
      </c>
      <c r="I120" s="8" t="s">
        <v>16</v>
      </c>
    </row>
    <row r="121" spans="1:11" ht="21" x14ac:dyDescent="0.2">
      <c r="A121" s="8" t="s">
        <v>7</v>
      </c>
      <c r="B121" s="8" t="s">
        <v>7</v>
      </c>
      <c r="C121" s="8" t="s">
        <v>7</v>
      </c>
      <c r="D121" s="8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8" t="s">
        <v>7</v>
      </c>
    </row>
    <row r="122" spans="1:11" x14ac:dyDescent="0.2">
      <c r="A122" s="5" t="s">
        <v>449</v>
      </c>
      <c r="B122" s="7" t="s">
        <v>450</v>
      </c>
      <c r="C122" s="3" t="s">
        <v>264</v>
      </c>
      <c r="D122" s="3" t="s">
        <v>264</v>
      </c>
      <c r="E122" s="3" t="s">
        <v>265</v>
      </c>
      <c r="F122" s="3" t="s">
        <v>266</v>
      </c>
      <c r="G122" s="3" t="s">
        <v>265</v>
      </c>
      <c r="H122" s="3" t="s">
        <v>266</v>
      </c>
      <c r="I122" s="3" t="s">
        <v>267</v>
      </c>
    </row>
    <row r="123" spans="1:11" x14ac:dyDescent="0.2">
      <c r="A123" s="5" t="s">
        <v>451</v>
      </c>
      <c r="B123" s="7" t="s">
        <v>452</v>
      </c>
      <c r="C123" s="3" t="s">
        <v>264</v>
      </c>
      <c r="D123" s="3" t="s">
        <v>264</v>
      </c>
      <c r="E123" s="3" t="s">
        <v>265</v>
      </c>
      <c r="F123" s="3" t="s">
        <v>266</v>
      </c>
      <c r="G123" s="3" t="s">
        <v>265</v>
      </c>
      <c r="H123" s="3" t="s">
        <v>266</v>
      </c>
      <c r="I123" s="3" t="s">
        <v>267</v>
      </c>
    </row>
    <row r="124" spans="1:11" x14ac:dyDescent="0.2">
      <c r="A124" s="5" t="s">
        <v>453</v>
      </c>
      <c r="B124" s="7" t="s">
        <v>454</v>
      </c>
      <c r="C124" s="3" t="s">
        <v>49</v>
      </c>
      <c r="D124" s="3" t="s">
        <v>49</v>
      </c>
      <c r="E124" s="3" t="s">
        <v>49</v>
      </c>
      <c r="F124" s="3" t="s">
        <v>49</v>
      </c>
      <c r="G124" s="3" t="s">
        <v>49</v>
      </c>
      <c r="H124" s="3" t="s">
        <v>49</v>
      </c>
      <c r="I124" s="3" t="s">
        <v>49</v>
      </c>
    </row>
    <row r="125" spans="1:11" x14ac:dyDescent="0.2">
      <c r="A125" s="4" t="s">
        <v>455</v>
      </c>
      <c r="B125" s="6" t="s">
        <v>456</v>
      </c>
      <c r="C125" s="2" t="s">
        <v>49</v>
      </c>
      <c r="D125" s="2" t="s">
        <v>49</v>
      </c>
      <c r="E125" s="2" t="s">
        <v>49</v>
      </c>
      <c r="F125" s="2" t="s">
        <v>49</v>
      </c>
      <c r="G125" s="2" t="s">
        <v>49</v>
      </c>
      <c r="H125" s="2" t="s">
        <v>49</v>
      </c>
      <c r="I125" s="2" t="s">
        <v>49</v>
      </c>
    </row>
    <row r="126" spans="1:11" x14ac:dyDescent="0.2">
      <c r="A126" s="4" t="s">
        <v>457</v>
      </c>
      <c r="B126" s="6" t="s">
        <v>458</v>
      </c>
      <c r="C126" s="2" t="s">
        <v>49</v>
      </c>
      <c r="D126" s="2" t="s">
        <v>49</v>
      </c>
      <c r="E126" s="2" t="s">
        <v>49</v>
      </c>
      <c r="F126" s="2" t="s">
        <v>49</v>
      </c>
      <c r="G126" s="2" t="s">
        <v>49</v>
      </c>
      <c r="H126" s="2" t="s">
        <v>49</v>
      </c>
      <c r="I126" s="2" t="s">
        <v>49</v>
      </c>
    </row>
    <row r="127" spans="1:11" x14ac:dyDescent="0.2">
      <c r="A127" s="4" t="s">
        <v>459</v>
      </c>
      <c r="B127" s="6" t="s">
        <v>460</v>
      </c>
      <c r="C127" s="2" t="s">
        <v>49</v>
      </c>
      <c r="D127" s="2" t="s">
        <v>49</v>
      </c>
      <c r="E127" s="2" t="s">
        <v>49</v>
      </c>
      <c r="F127" s="2" t="s">
        <v>49</v>
      </c>
      <c r="G127" s="2" t="s">
        <v>49</v>
      </c>
      <c r="H127" s="2" t="s">
        <v>49</v>
      </c>
      <c r="I127" s="2" t="s">
        <v>49</v>
      </c>
    </row>
    <row r="128" spans="1:11" x14ac:dyDescent="0.2">
      <c r="A128" s="5" t="s">
        <v>461</v>
      </c>
      <c r="B128" s="7" t="s">
        <v>462</v>
      </c>
      <c r="C128" s="3" t="s">
        <v>463</v>
      </c>
      <c r="D128" s="3" t="s">
        <v>463</v>
      </c>
      <c r="E128" s="3" t="s">
        <v>464</v>
      </c>
      <c r="F128" s="3" t="s">
        <v>465</v>
      </c>
      <c r="G128" s="3" t="s">
        <v>464</v>
      </c>
      <c r="H128" s="3" t="s">
        <v>465</v>
      </c>
      <c r="I128" s="3" t="s">
        <v>466</v>
      </c>
    </row>
    <row r="129" spans="1:9" x14ac:dyDescent="0.2">
      <c r="A129" s="4" t="s">
        <v>467</v>
      </c>
      <c r="B129" s="6" t="s">
        <v>468</v>
      </c>
      <c r="C129" s="2" t="s">
        <v>463</v>
      </c>
      <c r="D129" s="2" t="s">
        <v>463</v>
      </c>
      <c r="E129" s="2" t="s">
        <v>464</v>
      </c>
      <c r="F129" s="2" t="s">
        <v>465</v>
      </c>
      <c r="G129" s="2" t="s">
        <v>464</v>
      </c>
      <c r="H129" s="2" t="s">
        <v>465</v>
      </c>
      <c r="I129" s="2" t="s">
        <v>466</v>
      </c>
    </row>
    <row r="130" spans="1:9" x14ac:dyDescent="0.2">
      <c r="A130" s="4" t="s">
        <v>469</v>
      </c>
      <c r="B130" s="6" t="s">
        <v>470</v>
      </c>
      <c r="C130" s="2" t="s">
        <v>49</v>
      </c>
      <c r="D130" s="2" t="s">
        <v>49</v>
      </c>
      <c r="E130" s="2" t="s">
        <v>49</v>
      </c>
      <c r="F130" s="2" t="s">
        <v>49</v>
      </c>
      <c r="G130" s="2" t="s">
        <v>49</v>
      </c>
      <c r="H130" s="2" t="s">
        <v>49</v>
      </c>
      <c r="I130" s="2" t="s">
        <v>49</v>
      </c>
    </row>
    <row r="131" spans="1:9" x14ac:dyDescent="0.2">
      <c r="A131" s="4" t="s">
        <v>471</v>
      </c>
      <c r="B131" s="6" t="s">
        <v>472</v>
      </c>
      <c r="C131" s="2" t="s">
        <v>49</v>
      </c>
      <c r="D131" s="2" t="s">
        <v>49</v>
      </c>
      <c r="E131" s="2" t="s">
        <v>49</v>
      </c>
      <c r="F131" s="2" t="s">
        <v>49</v>
      </c>
      <c r="G131" s="2" t="s">
        <v>49</v>
      </c>
      <c r="H131" s="2" t="s">
        <v>49</v>
      </c>
      <c r="I131" s="2" t="s">
        <v>49</v>
      </c>
    </row>
    <row r="132" spans="1:9" x14ac:dyDescent="0.2">
      <c r="A132" s="5" t="s">
        <v>473</v>
      </c>
      <c r="B132" s="7" t="s">
        <v>474</v>
      </c>
      <c r="C132" s="3" t="s">
        <v>475</v>
      </c>
      <c r="D132" s="3" t="s">
        <v>475</v>
      </c>
      <c r="E132" s="3" t="s">
        <v>476</v>
      </c>
      <c r="F132" s="3" t="s">
        <v>477</v>
      </c>
      <c r="G132" s="3" t="s">
        <v>476</v>
      </c>
      <c r="H132" s="3" t="s">
        <v>477</v>
      </c>
      <c r="I132" s="3" t="s">
        <v>478</v>
      </c>
    </row>
    <row r="133" spans="1:9" x14ac:dyDescent="0.2">
      <c r="A133" s="4" t="s">
        <v>479</v>
      </c>
      <c r="B133" s="6" t="s">
        <v>480</v>
      </c>
      <c r="C133" s="2" t="s">
        <v>49</v>
      </c>
      <c r="D133" s="2" t="s">
        <v>49</v>
      </c>
      <c r="E133" s="2" t="s">
        <v>49</v>
      </c>
      <c r="F133" s="2" t="s">
        <v>49</v>
      </c>
      <c r="G133" s="2" t="s">
        <v>49</v>
      </c>
      <c r="H133" s="2" t="s">
        <v>49</v>
      </c>
      <c r="I133" s="2" t="s">
        <v>49</v>
      </c>
    </row>
    <row r="134" spans="1:9" x14ac:dyDescent="0.2">
      <c r="A134" s="4" t="s">
        <v>481</v>
      </c>
      <c r="B134" s="6" t="s">
        <v>482</v>
      </c>
      <c r="C134" s="2" t="s">
        <v>49</v>
      </c>
      <c r="D134" s="2" t="s">
        <v>49</v>
      </c>
      <c r="E134" s="2" t="s">
        <v>49</v>
      </c>
      <c r="F134" s="2" t="s">
        <v>49</v>
      </c>
      <c r="G134" s="2" t="s">
        <v>49</v>
      </c>
      <c r="H134" s="2" t="s">
        <v>49</v>
      </c>
      <c r="I134" s="2" t="s">
        <v>49</v>
      </c>
    </row>
    <row r="135" spans="1:9" x14ac:dyDescent="0.2">
      <c r="A135" s="4" t="s">
        <v>483</v>
      </c>
      <c r="B135" s="6" t="s">
        <v>484</v>
      </c>
      <c r="C135" s="2" t="s">
        <v>49</v>
      </c>
      <c r="D135" s="2" t="s">
        <v>49</v>
      </c>
      <c r="E135" s="2" t="s">
        <v>49</v>
      </c>
      <c r="F135" s="2" t="s">
        <v>49</v>
      </c>
      <c r="G135" s="2" t="s">
        <v>49</v>
      </c>
      <c r="H135" s="2" t="s">
        <v>49</v>
      </c>
      <c r="I135" s="2" t="s">
        <v>49</v>
      </c>
    </row>
    <row r="136" spans="1:9" x14ac:dyDescent="0.2">
      <c r="A136" s="4" t="s">
        <v>485</v>
      </c>
      <c r="B136" s="6" t="s">
        <v>486</v>
      </c>
      <c r="C136" s="2" t="s">
        <v>49</v>
      </c>
      <c r="D136" s="2" t="s">
        <v>49</v>
      </c>
      <c r="E136" s="2" t="s">
        <v>49</v>
      </c>
      <c r="F136" s="2" t="s">
        <v>49</v>
      </c>
      <c r="G136" s="2" t="s">
        <v>49</v>
      </c>
      <c r="H136" s="2" t="s">
        <v>49</v>
      </c>
      <c r="I136" s="2" t="s">
        <v>49</v>
      </c>
    </row>
    <row r="137" spans="1:9" x14ac:dyDescent="0.2">
      <c r="A137" s="4" t="s">
        <v>487</v>
      </c>
      <c r="B137" s="6" t="s">
        <v>488</v>
      </c>
      <c r="C137" s="2" t="s">
        <v>49</v>
      </c>
      <c r="D137" s="2" t="s">
        <v>49</v>
      </c>
      <c r="E137" s="2" t="s">
        <v>49</v>
      </c>
      <c r="F137" s="2" t="s">
        <v>49</v>
      </c>
      <c r="G137" s="2" t="s">
        <v>49</v>
      </c>
      <c r="H137" s="2" t="s">
        <v>49</v>
      </c>
      <c r="I137" s="2" t="s">
        <v>49</v>
      </c>
    </row>
    <row r="138" spans="1:9" x14ac:dyDescent="0.2">
      <c r="A138" s="4" t="s">
        <v>489</v>
      </c>
      <c r="B138" s="6" t="s">
        <v>490</v>
      </c>
      <c r="C138" s="2" t="s">
        <v>475</v>
      </c>
      <c r="D138" s="2" t="s">
        <v>475</v>
      </c>
      <c r="E138" s="2" t="s">
        <v>476</v>
      </c>
      <c r="F138" s="2" t="s">
        <v>477</v>
      </c>
      <c r="G138" s="2" t="s">
        <v>476</v>
      </c>
      <c r="H138" s="2" t="s">
        <v>477</v>
      </c>
      <c r="I138" s="2" t="s">
        <v>478</v>
      </c>
    </row>
    <row r="139" spans="1:9" x14ac:dyDescent="0.2">
      <c r="A139" s="4" t="s">
        <v>491</v>
      </c>
      <c r="B139" s="6" t="s">
        <v>492</v>
      </c>
      <c r="C139" s="2" t="s">
        <v>49</v>
      </c>
      <c r="D139" s="2" t="s">
        <v>49</v>
      </c>
      <c r="E139" s="2" t="s">
        <v>49</v>
      </c>
      <c r="F139" s="2" t="s">
        <v>49</v>
      </c>
      <c r="G139" s="2" t="s">
        <v>49</v>
      </c>
      <c r="H139" s="2" t="s">
        <v>49</v>
      </c>
      <c r="I139" s="2" t="s">
        <v>49</v>
      </c>
    </row>
    <row r="140" spans="1:9" x14ac:dyDescent="0.2">
      <c r="A140" s="5" t="s">
        <v>493</v>
      </c>
      <c r="B140" s="7" t="s">
        <v>494</v>
      </c>
      <c r="C140" s="3" t="s">
        <v>49</v>
      </c>
      <c r="D140" s="3" t="s">
        <v>49</v>
      </c>
      <c r="E140" s="3" t="s">
        <v>49</v>
      </c>
      <c r="F140" s="3" t="s">
        <v>49</v>
      </c>
      <c r="G140" s="3" t="s">
        <v>49</v>
      </c>
      <c r="H140" s="3" t="s">
        <v>49</v>
      </c>
      <c r="I140" s="3" t="s">
        <v>49</v>
      </c>
    </row>
    <row r="141" spans="1:9" x14ac:dyDescent="0.2">
      <c r="A141" s="4" t="s">
        <v>495</v>
      </c>
      <c r="B141" s="6" t="s">
        <v>496</v>
      </c>
      <c r="C141" s="2" t="s">
        <v>49</v>
      </c>
      <c r="D141" s="2" t="s">
        <v>49</v>
      </c>
      <c r="E141" s="2" t="s">
        <v>49</v>
      </c>
      <c r="F141" s="2" t="s">
        <v>49</v>
      </c>
      <c r="G141" s="2" t="s">
        <v>49</v>
      </c>
      <c r="H141" s="2" t="s">
        <v>49</v>
      </c>
      <c r="I141" s="2" t="s">
        <v>49</v>
      </c>
    </row>
    <row r="142" spans="1:9" x14ac:dyDescent="0.2">
      <c r="A142" s="4" t="s">
        <v>497</v>
      </c>
      <c r="B142" s="6" t="s">
        <v>498</v>
      </c>
      <c r="C142" s="2" t="s">
        <v>49</v>
      </c>
      <c r="D142" s="2" t="s">
        <v>49</v>
      </c>
      <c r="E142" s="2" t="s">
        <v>49</v>
      </c>
      <c r="F142" s="2" t="s">
        <v>49</v>
      </c>
      <c r="G142" s="2" t="s">
        <v>49</v>
      </c>
      <c r="H142" s="2" t="s">
        <v>49</v>
      </c>
      <c r="I142" s="2" t="s">
        <v>49</v>
      </c>
    </row>
    <row r="143" spans="1:9" x14ac:dyDescent="0.2">
      <c r="A143" s="4" t="s">
        <v>499</v>
      </c>
      <c r="B143" s="6" t="s">
        <v>500</v>
      </c>
      <c r="C143" s="2" t="s">
        <v>49</v>
      </c>
      <c r="D143" s="2" t="s">
        <v>49</v>
      </c>
      <c r="E143" s="2" t="s">
        <v>49</v>
      </c>
      <c r="F143" s="2" t="s">
        <v>49</v>
      </c>
      <c r="G143" s="2" t="s">
        <v>49</v>
      </c>
      <c r="H143" s="2" t="s">
        <v>49</v>
      </c>
      <c r="I143" s="2" t="s">
        <v>49</v>
      </c>
    </row>
    <row r="144" spans="1:9" x14ac:dyDescent="0.2">
      <c r="A144" s="5" t="s">
        <v>501</v>
      </c>
      <c r="B144" s="7" t="s">
        <v>502</v>
      </c>
      <c r="C144" s="3" t="s">
        <v>49</v>
      </c>
      <c r="D144" s="3" t="s">
        <v>49</v>
      </c>
      <c r="E144" s="3" t="s">
        <v>49</v>
      </c>
      <c r="F144" s="3" t="s">
        <v>49</v>
      </c>
      <c r="G144" s="3" t="s">
        <v>49</v>
      </c>
      <c r="H144" s="3" t="s">
        <v>49</v>
      </c>
      <c r="I144" s="3" t="s">
        <v>49</v>
      </c>
    </row>
    <row r="145" spans="1:9" x14ac:dyDescent="0.2">
      <c r="A145" s="4" t="s">
        <v>503</v>
      </c>
      <c r="B145" s="6" t="s">
        <v>504</v>
      </c>
      <c r="C145" s="2" t="s">
        <v>49</v>
      </c>
      <c r="D145" s="2" t="s">
        <v>49</v>
      </c>
      <c r="E145" s="2" t="s">
        <v>49</v>
      </c>
      <c r="F145" s="2" t="s">
        <v>49</v>
      </c>
      <c r="G145" s="2" t="s">
        <v>49</v>
      </c>
      <c r="H145" s="2" t="s">
        <v>49</v>
      </c>
      <c r="I145" s="2" t="s">
        <v>49</v>
      </c>
    </row>
    <row r="146" spans="1:9" x14ac:dyDescent="0.2">
      <c r="A146" s="4" t="s">
        <v>505</v>
      </c>
      <c r="B146" s="6" t="s">
        <v>506</v>
      </c>
      <c r="C146" s="2" t="s">
        <v>49</v>
      </c>
      <c r="D146" s="2" t="s">
        <v>49</v>
      </c>
      <c r="E146" s="2" t="s">
        <v>49</v>
      </c>
      <c r="F146" s="2" t="s">
        <v>49</v>
      </c>
      <c r="G146" s="2" t="s">
        <v>49</v>
      </c>
      <c r="H146" s="2" t="s">
        <v>49</v>
      </c>
      <c r="I146" s="2" t="s">
        <v>49</v>
      </c>
    </row>
    <row r="147" spans="1:9" x14ac:dyDescent="0.2">
      <c r="A147" s="4" t="s">
        <v>507</v>
      </c>
      <c r="B147" s="6" t="s">
        <v>508</v>
      </c>
      <c r="C147" s="2" t="s">
        <v>49</v>
      </c>
      <c r="D147" s="2" t="s">
        <v>49</v>
      </c>
      <c r="E147" s="2" t="s">
        <v>49</v>
      </c>
      <c r="F147" s="2" t="s">
        <v>49</v>
      </c>
      <c r="G147" s="2" t="s">
        <v>49</v>
      </c>
      <c r="H147" s="2" t="s">
        <v>49</v>
      </c>
      <c r="I147" s="2" t="s">
        <v>49</v>
      </c>
    </row>
    <row r="148" spans="1:9" x14ac:dyDescent="0.2">
      <c r="A148" s="4" t="s">
        <v>509</v>
      </c>
      <c r="B148" s="6" t="s">
        <v>510</v>
      </c>
      <c r="C148" s="2" t="s">
        <v>49</v>
      </c>
      <c r="D148" s="2" t="s">
        <v>49</v>
      </c>
      <c r="E148" s="2" t="s">
        <v>49</v>
      </c>
      <c r="F148" s="2" t="s">
        <v>49</v>
      </c>
      <c r="G148" s="2" t="s">
        <v>49</v>
      </c>
      <c r="H148" s="2" t="s">
        <v>49</v>
      </c>
      <c r="I148" s="2" t="s">
        <v>49</v>
      </c>
    </row>
    <row r="149" spans="1:9" x14ac:dyDescent="0.2">
      <c r="A149" s="4" t="s">
        <v>511</v>
      </c>
      <c r="B149" s="6" t="s">
        <v>512</v>
      </c>
      <c r="C149" s="2" t="s">
        <v>513</v>
      </c>
      <c r="D149" s="2" t="s">
        <v>513</v>
      </c>
      <c r="E149" s="2" t="s">
        <v>49</v>
      </c>
      <c r="F149" s="2" t="s">
        <v>49</v>
      </c>
      <c r="G149" s="2" t="s">
        <v>49</v>
      </c>
      <c r="H149" s="2" t="s">
        <v>49</v>
      </c>
      <c r="I149" s="2" t="s">
        <v>513</v>
      </c>
    </row>
    <row r="150" spans="1:9" x14ac:dyDescent="0.2">
      <c r="A150" s="5" t="s">
        <v>514</v>
      </c>
      <c r="B150" s="7" t="s">
        <v>515</v>
      </c>
      <c r="C150" s="3" t="s">
        <v>49</v>
      </c>
      <c r="D150" s="3" t="s">
        <v>49</v>
      </c>
      <c r="E150" s="3" t="s">
        <v>49</v>
      </c>
      <c r="F150" s="3" t="s">
        <v>49</v>
      </c>
      <c r="G150" s="3" t="s">
        <v>49</v>
      </c>
      <c r="H150" s="3" t="s">
        <v>49</v>
      </c>
      <c r="I150" s="3" t="s">
        <v>49</v>
      </c>
    </row>
    <row r="151" spans="1:9" x14ac:dyDescent="0.2">
      <c r="A151" s="4" t="s">
        <v>516</v>
      </c>
      <c r="B151" s="6" t="s">
        <v>517</v>
      </c>
      <c r="C151" s="2" t="s">
        <v>49</v>
      </c>
      <c r="D151" s="2" t="s">
        <v>49</v>
      </c>
      <c r="E151" s="2" t="s">
        <v>49</v>
      </c>
      <c r="F151" s="2" t="s">
        <v>49</v>
      </c>
      <c r="G151" s="2" t="s">
        <v>49</v>
      </c>
      <c r="H151" s="2" t="s">
        <v>49</v>
      </c>
      <c r="I151" s="2" t="s">
        <v>49</v>
      </c>
    </row>
    <row r="152" spans="1:9" x14ac:dyDescent="0.2">
      <c r="A152" s="4" t="s">
        <v>518</v>
      </c>
      <c r="B152" s="6" t="s">
        <v>519</v>
      </c>
      <c r="C152" s="2" t="s">
        <v>49</v>
      </c>
      <c r="D152" s="2" t="s">
        <v>49</v>
      </c>
      <c r="E152" s="2" t="s">
        <v>49</v>
      </c>
      <c r="F152" s="2" t="s">
        <v>49</v>
      </c>
      <c r="G152" s="2" t="s">
        <v>49</v>
      </c>
      <c r="H152" s="2" t="s">
        <v>49</v>
      </c>
      <c r="I152" s="2" t="s">
        <v>49</v>
      </c>
    </row>
    <row r="153" spans="1:9" x14ac:dyDescent="0.2">
      <c r="A153" s="4" t="s">
        <v>520</v>
      </c>
      <c r="B153" s="6" t="s">
        <v>521</v>
      </c>
      <c r="C153" s="2" t="s">
        <v>49</v>
      </c>
      <c r="D153" s="2" t="s">
        <v>49</v>
      </c>
      <c r="E153" s="2" t="s">
        <v>49</v>
      </c>
      <c r="F153" s="2" t="s">
        <v>49</v>
      </c>
      <c r="G153" s="2" t="s">
        <v>49</v>
      </c>
      <c r="H153" s="2" t="s">
        <v>49</v>
      </c>
      <c r="I153" s="2" t="s">
        <v>49</v>
      </c>
    </row>
    <row r="154" spans="1:9" x14ac:dyDescent="0.2">
      <c r="A154" s="4" t="s">
        <v>522</v>
      </c>
      <c r="B154" s="6" t="s">
        <v>523</v>
      </c>
      <c r="C154" s="2" t="s">
        <v>49</v>
      </c>
      <c r="D154" s="2" t="s">
        <v>49</v>
      </c>
      <c r="E154" s="2" t="s">
        <v>49</v>
      </c>
      <c r="F154" s="2" t="s">
        <v>49</v>
      </c>
      <c r="G154" s="2" t="s">
        <v>49</v>
      </c>
      <c r="H154" s="2" t="s">
        <v>49</v>
      </c>
      <c r="I154" s="2" t="s">
        <v>49</v>
      </c>
    </row>
    <row r="155" spans="1:9" x14ac:dyDescent="0.2">
      <c r="A155" s="4" t="s">
        <v>524</v>
      </c>
      <c r="B155" s="6" t="s">
        <v>525</v>
      </c>
      <c r="C155" s="2" t="s">
        <v>49</v>
      </c>
      <c r="D155" s="2" t="s">
        <v>49</v>
      </c>
      <c r="E155" s="2" t="s">
        <v>49</v>
      </c>
      <c r="F155" s="2" t="s">
        <v>49</v>
      </c>
      <c r="G155" s="2" t="s">
        <v>49</v>
      </c>
      <c r="H155" s="2" t="s">
        <v>49</v>
      </c>
      <c r="I155" s="2" t="s">
        <v>49</v>
      </c>
    </row>
    <row r="156" spans="1:9" x14ac:dyDescent="0.2">
      <c r="A156" s="4" t="s">
        <v>526</v>
      </c>
      <c r="B156" s="6" t="s">
        <v>527</v>
      </c>
      <c r="C156" s="2" t="s">
        <v>49</v>
      </c>
      <c r="D156" s="2" t="s">
        <v>49</v>
      </c>
      <c r="E156" s="2" t="s">
        <v>49</v>
      </c>
      <c r="F156" s="2" t="s">
        <v>49</v>
      </c>
      <c r="G156" s="2" t="s">
        <v>49</v>
      </c>
      <c r="H156" s="2" t="s">
        <v>49</v>
      </c>
      <c r="I156" s="2" t="s">
        <v>49</v>
      </c>
    </row>
    <row r="157" spans="1:9" x14ac:dyDescent="0.2">
      <c r="A157" s="5" t="s">
        <v>528</v>
      </c>
      <c r="B157" s="7" t="s">
        <v>529</v>
      </c>
      <c r="C157" s="3" t="s">
        <v>530</v>
      </c>
      <c r="D157" s="3" t="s">
        <v>530</v>
      </c>
      <c r="E157" s="3" t="s">
        <v>531</v>
      </c>
      <c r="F157" s="3" t="s">
        <v>532</v>
      </c>
      <c r="G157" s="3" t="s">
        <v>531</v>
      </c>
      <c r="H157" s="3" t="s">
        <v>532</v>
      </c>
      <c r="I157" s="3" t="s">
        <v>533</v>
      </c>
    </row>
    <row r="158" spans="1:9" x14ac:dyDescent="0.2">
      <c r="A158" s="4" t="s">
        <v>534</v>
      </c>
      <c r="B158" s="6" t="s">
        <v>535</v>
      </c>
      <c r="C158" s="2" t="s">
        <v>536</v>
      </c>
      <c r="D158" s="2" t="s">
        <v>536</v>
      </c>
      <c r="E158" s="2" t="s">
        <v>49</v>
      </c>
      <c r="F158" s="2" t="s">
        <v>49</v>
      </c>
      <c r="G158" s="2" t="s">
        <v>49</v>
      </c>
      <c r="H158" s="2" t="s">
        <v>49</v>
      </c>
      <c r="I158" s="2" t="s">
        <v>536</v>
      </c>
    </row>
    <row r="159" spans="1:9" x14ac:dyDescent="0.2">
      <c r="A159" s="4" t="s">
        <v>537</v>
      </c>
      <c r="B159" s="6" t="s">
        <v>538</v>
      </c>
      <c r="C159" s="2" t="s">
        <v>49</v>
      </c>
      <c r="D159" s="2" t="s">
        <v>49</v>
      </c>
      <c r="E159" s="2" t="s">
        <v>49</v>
      </c>
      <c r="F159" s="2" t="s">
        <v>49</v>
      </c>
      <c r="G159" s="2" t="s">
        <v>49</v>
      </c>
      <c r="H159" s="2" t="s">
        <v>49</v>
      </c>
      <c r="I159" s="2" t="s">
        <v>49</v>
      </c>
    </row>
    <row r="160" spans="1:9" x14ac:dyDescent="0.2">
      <c r="A160" s="4" t="s">
        <v>539</v>
      </c>
      <c r="B160" s="6" t="s">
        <v>540</v>
      </c>
      <c r="C160" s="2" t="s">
        <v>49</v>
      </c>
      <c r="D160" s="2" t="s">
        <v>49</v>
      </c>
      <c r="E160" s="2" t="s">
        <v>49</v>
      </c>
      <c r="F160" s="2" t="s">
        <v>49</v>
      </c>
      <c r="G160" s="2" t="s">
        <v>49</v>
      </c>
      <c r="H160" s="2" t="s">
        <v>49</v>
      </c>
      <c r="I160" s="2" t="s">
        <v>49</v>
      </c>
    </row>
    <row r="161" spans="1:9" x14ac:dyDescent="0.2">
      <c r="A161" s="4" t="s">
        <v>541</v>
      </c>
      <c r="B161" s="6" t="s">
        <v>542</v>
      </c>
      <c r="C161" s="2" t="s">
        <v>49</v>
      </c>
      <c r="D161" s="2" t="s">
        <v>49</v>
      </c>
      <c r="E161" s="2" t="s">
        <v>49</v>
      </c>
      <c r="F161" s="2" t="s">
        <v>49</v>
      </c>
      <c r="G161" s="2" t="s">
        <v>49</v>
      </c>
      <c r="H161" s="2" t="s">
        <v>49</v>
      </c>
      <c r="I161" s="2" t="s">
        <v>49</v>
      </c>
    </row>
    <row r="162" spans="1:9" x14ac:dyDescent="0.2">
      <c r="A162" s="4" t="s">
        <v>543</v>
      </c>
      <c r="B162" s="6" t="s">
        <v>544</v>
      </c>
      <c r="C162" s="2" t="s">
        <v>545</v>
      </c>
      <c r="D162" s="2" t="s">
        <v>545</v>
      </c>
      <c r="E162" s="2" t="s">
        <v>531</v>
      </c>
      <c r="F162" s="2" t="s">
        <v>532</v>
      </c>
      <c r="G162" s="2" t="s">
        <v>531</v>
      </c>
      <c r="H162" s="2" t="s">
        <v>532</v>
      </c>
      <c r="I162" s="2" t="s">
        <v>546</v>
      </c>
    </row>
    <row r="163" spans="1:9" x14ac:dyDescent="0.2">
      <c r="A163" s="5" t="s">
        <v>547</v>
      </c>
      <c r="B163" s="7" t="s">
        <v>548</v>
      </c>
      <c r="C163" s="3" t="s">
        <v>49</v>
      </c>
      <c r="D163" s="3" t="s">
        <v>49</v>
      </c>
      <c r="E163" s="3" t="s">
        <v>49</v>
      </c>
      <c r="F163" s="3" t="s">
        <v>49</v>
      </c>
      <c r="G163" s="3" t="s">
        <v>49</v>
      </c>
      <c r="H163" s="3" t="s">
        <v>49</v>
      </c>
      <c r="I163" s="3" t="s">
        <v>49</v>
      </c>
    </row>
    <row r="164" spans="1:9" x14ac:dyDescent="0.2">
      <c r="A164" s="5" t="s">
        <v>549</v>
      </c>
      <c r="B164" s="7" t="s">
        <v>550</v>
      </c>
      <c r="C164" s="3" t="s">
        <v>49</v>
      </c>
      <c r="D164" s="3" t="s">
        <v>49</v>
      </c>
      <c r="E164" s="3" t="s">
        <v>49</v>
      </c>
      <c r="F164" s="3" t="s">
        <v>49</v>
      </c>
      <c r="G164" s="3" t="s">
        <v>49</v>
      </c>
      <c r="H164" s="3" t="s">
        <v>49</v>
      </c>
      <c r="I164" s="3" t="s">
        <v>49</v>
      </c>
    </row>
    <row r="165" spans="1:9" x14ac:dyDescent="0.2">
      <c r="A165" s="4" t="s">
        <v>551</v>
      </c>
      <c r="B165" s="6" t="s">
        <v>277</v>
      </c>
      <c r="C165" s="2" t="s">
        <v>49</v>
      </c>
      <c r="D165" s="2" t="s">
        <v>49</v>
      </c>
      <c r="E165" s="2" t="s">
        <v>49</v>
      </c>
      <c r="F165" s="2" t="s">
        <v>49</v>
      </c>
      <c r="G165" s="2" t="s">
        <v>49</v>
      </c>
      <c r="H165" s="2" t="s">
        <v>49</v>
      </c>
      <c r="I165" s="2" t="s">
        <v>49</v>
      </c>
    </row>
    <row r="166" spans="1:9" x14ac:dyDescent="0.2">
      <c r="A166" s="4" t="s">
        <v>552</v>
      </c>
      <c r="B166" s="6" t="s">
        <v>283</v>
      </c>
      <c r="C166" s="2" t="s">
        <v>49</v>
      </c>
      <c r="D166" s="2" t="s">
        <v>49</v>
      </c>
      <c r="E166" s="2" t="s">
        <v>49</v>
      </c>
      <c r="F166" s="2" t="s">
        <v>49</v>
      </c>
      <c r="G166" s="2" t="s">
        <v>49</v>
      </c>
      <c r="H166" s="2" t="s">
        <v>49</v>
      </c>
      <c r="I166" s="2" t="s">
        <v>49</v>
      </c>
    </row>
    <row r="167" spans="1:9" x14ac:dyDescent="0.2">
      <c r="A167" s="5" t="s">
        <v>553</v>
      </c>
      <c r="B167" s="7" t="s">
        <v>554</v>
      </c>
      <c r="C167" s="3" t="s">
        <v>49</v>
      </c>
      <c r="D167" s="3" t="s">
        <v>49</v>
      </c>
      <c r="E167" s="3" t="s">
        <v>49</v>
      </c>
      <c r="F167" s="3" t="s">
        <v>49</v>
      </c>
      <c r="G167" s="3" t="s">
        <v>49</v>
      </c>
      <c r="H167" s="3" t="s">
        <v>49</v>
      </c>
      <c r="I167" s="3" t="s">
        <v>49</v>
      </c>
    </row>
    <row r="168" spans="1:9" x14ac:dyDescent="0.2">
      <c r="A168" s="4" t="s">
        <v>555</v>
      </c>
      <c r="B168" s="6" t="s">
        <v>556</v>
      </c>
      <c r="C168" s="2" t="s">
        <v>49</v>
      </c>
      <c r="D168" s="2" t="s">
        <v>49</v>
      </c>
      <c r="E168" s="2" t="s">
        <v>49</v>
      </c>
      <c r="F168" s="2" t="s">
        <v>49</v>
      </c>
      <c r="G168" s="2" t="s">
        <v>49</v>
      </c>
      <c r="H168" s="2" t="s">
        <v>49</v>
      </c>
      <c r="I168" s="2" t="s">
        <v>49</v>
      </c>
    </row>
    <row r="169" spans="1:9" x14ac:dyDescent="0.2">
      <c r="A169" s="4" t="s">
        <v>557</v>
      </c>
      <c r="B169" s="6" t="s">
        <v>558</v>
      </c>
      <c r="C169" s="2" t="s">
        <v>49</v>
      </c>
      <c r="D169" s="2" t="s">
        <v>49</v>
      </c>
      <c r="E169" s="2" t="s">
        <v>49</v>
      </c>
      <c r="F169" s="2" t="s">
        <v>49</v>
      </c>
      <c r="G169" s="2" t="s">
        <v>49</v>
      </c>
      <c r="H169" s="2" t="s">
        <v>49</v>
      </c>
      <c r="I169" s="2" t="s">
        <v>49</v>
      </c>
    </row>
    <row r="170" spans="1:9" x14ac:dyDescent="0.2">
      <c r="A170" s="4" t="s">
        <v>559</v>
      </c>
      <c r="B170" s="6" t="s">
        <v>560</v>
      </c>
      <c r="C170" s="2" t="s">
        <v>49</v>
      </c>
      <c r="D170" s="2" t="s">
        <v>49</v>
      </c>
      <c r="E170" s="2" t="s">
        <v>49</v>
      </c>
      <c r="F170" s="2" t="s">
        <v>49</v>
      </c>
      <c r="G170" s="2" t="s">
        <v>49</v>
      </c>
      <c r="H170" s="2" t="s">
        <v>49</v>
      </c>
      <c r="I170" s="2" t="s">
        <v>49</v>
      </c>
    </row>
    <row r="171" spans="1:9" x14ac:dyDescent="0.2">
      <c r="A171" s="5" t="s">
        <v>561</v>
      </c>
      <c r="B171" s="7" t="s">
        <v>562</v>
      </c>
      <c r="C171" s="3" t="s">
        <v>49</v>
      </c>
      <c r="D171" s="3" t="s">
        <v>49</v>
      </c>
      <c r="E171" s="3" t="s">
        <v>49</v>
      </c>
      <c r="F171" s="3" t="s">
        <v>49</v>
      </c>
      <c r="G171" s="3" t="s">
        <v>49</v>
      </c>
      <c r="H171" s="3" t="s">
        <v>49</v>
      </c>
      <c r="I171" s="3" t="s">
        <v>49</v>
      </c>
    </row>
    <row r="172" spans="1:9" x14ac:dyDescent="0.2">
      <c r="A172" s="4" t="s">
        <v>563</v>
      </c>
      <c r="B172" s="6" t="s">
        <v>517</v>
      </c>
      <c r="C172" s="2" t="s">
        <v>49</v>
      </c>
      <c r="D172" s="2" t="s">
        <v>49</v>
      </c>
      <c r="E172" s="2" t="s">
        <v>49</v>
      </c>
      <c r="F172" s="2" t="s">
        <v>49</v>
      </c>
      <c r="G172" s="2" t="s">
        <v>49</v>
      </c>
      <c r="H172" s="2" t="s">
        <v>49</v>
      </c>
      <c r="I172" s="2" t="s">
        <v>49</v>
      </c>
    </row>
    <row r="173" spans="1:9" x14ac:dyDescent="0.2">
      <c r="A173" s="4" t="s">
        <v>564</v>
      </c>
      <c r="B173" s="6" t="s">
        <v>519</v>
      </c>
      <c r="C173" s="2" t="s">
        <v>49</v>
      </c>
      <c r="D173" s="2" t="s">
        <v>49</v>
      </c>
      <c r="E173" s="2" t="s">
        <v>49</v>
      </c>
      <c r="F173" s="2" t="s">
        <v>49</v>
      </c>
      <c r="G173" s="2" t="s">
        <v>49</v>
      </c>
      <c r="H173" s="2" t="s">
        <v>49</v>
      </c>
      <c r="I173" s="2" t="s">
        <v>49</v>
      </c>
    </row>
    <row r="174" spans="1:9" x14ac:dyDescent="0.2">
      <c r="A174" s="4" t="s">
        <v>565</v>
      </c>
      <c r="B174" s="6" t="s">
        <v>521</v>
      </c>
      <c r="C174" s="2" t="s">
        <v>49</v>
      </c>
      <c r="D174" s="2" t="s">
        <v>49</v>
      </c>
      <c r="E174" s="2" t="s">
        <v>49</v>
      </c>
      <c r="F174" s="2" t="s">
        <v>49</v>
      </c>
      <c r="G174" s="2" t="s">
        <v>49</v>
      </c>
      <c r="H174" s="2" t="s">
        <v>49</v>
      </c>
      <c r="I174" s="2" t="s">
        <v>49</v>
      </c>
    </row>
    <row r="175" spans="1:9" x14ac:dyDescent="0.2">
      <c r="A175" s="4" t="s">
        <v>566</v>
      </c>
      <c r="B175" s="6" t="s">
        <v>523</v>
      </c>
      <c r="C175" s="2" t="s">
        <v>49</v>
      </c>
      <c r="D175" s="2" t="s">
        <v>49</v>
      </c>
      <c r="E175" s="2" t="s">
        <v>49</v>
      </c>
      <c r="F175" s="2" t="s">
        <v>49</v>
      </c>
      <c r="G175" s="2" t="s">
        <v>49</v>
      </c>
      <c r="H175" s="2" t="s">
        <v>49</v>
      </c>
      <c r="I175" s="2" t="s">
        <v>49</v>
      </c>
    </row>
    <row r="176" spans="1:9" x14ac:dyDescent="0.2">
      <c r="A176" s="4" t="s">
        <v>567</v>
      </c>
      <c r="B176" s="6" t="s">
        <v>568</v>
      </c>
      <c r="C176" s="2" t="s">
        <v>49</v>
      </c>
      <c r="D176" s="2" t="s">
        <v>49</v>
      </c>
      <c r="E176" s="2" t="s">
        <v>49</v>
      </c>
      <c r="F176" s="2" t="s">
        <v>49</v>
      </c>
      <c r="G176" s="2" t="s">
        <v>49</v>
      </c>
      <c r="H176" s="2" t="s">
        <v>49</v>
      </c>
      <c r="I176" s="2" t="s">
        <v>49</v>
      </c>
    </row>
    <row r="177" spans="1:11" x14ac:dyDescent="0.2">
      <c r="A177" s="4" t="s">
        <v>569</v>
      </c>
      <c r="B177" s="6" t="s">
        <v>525</v>
      </c>
      <c r="C177" s="2" t="s">
        <v>49</v>
      </c>
      <c r="D177" s="2" t="s">
        <v>49</v>
      </c>
      <c r="E177" s="2" t="s">
        <v>49</v>
      </c>
      <c r="F177" s="2" t="s">
        <v>49</v>
      </c>
      <c r="G177" s="2" t="s">
        <v>49</v>
      </c>
      <c r="H177" s="2" t="s">
        <v>49</v>
      </c>
      <c r="I177" s="2" t="s">
        <v>49</v>
      </c>
    </row>
    <row r="178" spans="1:11" x14ac:dyDescent="0.2">
      <c r="A178" s="4" t="s">
        <v>570</v>
      </c>
      <c r="B178" s="6" t="s">
        <v>527</v>
      </c>
      <c r="C178" s="2" t="s">
        <v>49</v>
      </c>
      <c r="D178" s="2" t="s">
        <v>49</v>
      </c>
      <c r="E178" s="2" t="s">
        <v>49</v>
      </c>
      <c r="F178" s="2" t="s">
        <v>49</v>
      </c>
      <c r="G178" s="2" t="s">
        <v>49</v>
      </c>
      <c r="H178" s="2" t="s">
        <v>49</v>
      </c>
      <c r="I178" s="2" t="s">
        <v>49</v>
      </c>
    </row>
    <row r="179" spans="1:11" x14ac:dyDescent="0.2">
      <c r="A179" s="5" t="s">
        <v>571</v>
      </c>
      <c r="B179" s="7" t="s">
        <v>572</v>
      </c>
      <c r="C179" s="3" t="s">
        <v>49</v>
      </c>
      <c r="D179" s="3" t="s">
        <v>49</v>
      </c>
      <c r="E179" s="3" t="s">
        <v>49</v>
      </c>
      <c r="F179" s="3" t="s">
        <v>49</v>
      </c>
      <c r="G179" s="3" t="s">
        <v>49</v>
      </c>
      <c r="H179" s="3" t="s">
        <v>49</v>
      </c>
      <c r="I179" s="3" t="s">
        <v>49</v>
      </c>
    </row>
    <row r="180" spans="1:11" x14ac:dyDescent="0.2">
      <c r="A180" s="4" t="s">
        <v>573</v>
      </c>
      <c r="B180" s="6" t="s">
        <v>574</v>
      </c>
      <c r="C180" s="2" t="s">
        <v>49</v>
      </c>
      <c r="D180" s="2" t="s">
        <v>49</v>
      </c>
      <c r="E180" s="2" t="s">
        <v>49</v>
      </c>
      <c r="F180" s="2" t="s">
        <v>49</v>
      </c>
      <c r="G180" s="2" t="s">
        <v>49</v>
      </c>
      <c r="H180" s="2" t="s">
        <v>49</v>
      </c>
      <c r="I180" s="2" t="s">
        <v>49</v>
      </c>
    </row>
    <row r="181" spans="1:11" x14ac:dyDescent="0.2">
      <c r="A181" s="4" t="s">
        <v>575</v>
      </c>
      <c r="B181" s="6" t="s">
        <v>576</v>
      </c>
      <c r="C181" s="2" t="s">
        <v>49</v>
      </c>
      <c r="D181" s="2" t="s">
        <v>49</v>
      </c>
      <c r="E181" s="2" t="s">
        <v>49</v>
      </c>
      <c r="F181" s="2" t="s">
        <v>49</v>
      </c>
      <c r="G181" s="2" t="s">
        <v>49</v>
      </c>
      <c r="H181" s="2" t="s">
        <v>49</v>
      </c>
      <c r="I181" s="2" t="s">
        <v>49</v>
      </c>
    </row>
    <row r="182" spans="1:11" x14ac:dyDescent="0.2">
      <c r="A182" s="4" t="s">
        <v>577</v>
      </c>
      <c r="B182" s="6" t="s">
        <v>578</v>
      </c>
      <c r="C182" s="2" t="s">
        <v>49</v>
      </c>
      <c r="D182" s="2" t="s">
        <v>49</v>
      </c>
      <c r="E182" s="2" t="s">
        <v>49</v>
      </c>
      <c r="F182" s="2" t="s">
        <v>49</v>
      </c>
      <c r="G182" s="2" t="s">
        <v>49</v>
      </c>
      <c r="H182" s="2" t="s">
        <v>49</v>
      </c>
      <c r="I182" s="2" t="s">
        <v>49</v>
      </c>
    </row>
    <row r="183" spans="1:11" x14ac:dyDescent="0.2">
      <c r="A183" s="4" t="s">
        <v>579</v>
      </c>
      <c r="B183" s="6" t="s">
        <v>580</v>
      </c>
      <c r="C183" s="2" t="s">
        <v>49</v>
      </c>
      <c r="D183" s="2" t="s">
        <v>49</v>
      </c>
      <c r="E183" s="2" t="s">
        <v>49</v>
      </c>
      <c r="F183" s="2" t="s">
        <v>49</v>
      </c>
      <c r="G183" s="2" t="s">
        <v>49</v>
      </c>
      <c r="H183" s="2" t="s">
        <v>49</v>
      </c>
      <c r="I183" s="2" t="s">
        <v>49</v>
      </c>
    </row>
    <row r="184" spans="1:11" x14ac:dyDescent="0.2">
      <c r="A184" s="4" t="s">
        <v>581</v>
      </c>
      <c r="B184" s="6" t="s">
        <v>582</v>
      </c>
      <c r="C184" s="2" t="s">
        <v>49</v>
      </c>
      <c r="D184" s="2" t="s">
        <v>49</v>
      </c>
      <c r="E184" s="2" t="s">
        <v>49</v>
      </c>
      <c r="F184" s="2" t="s">
        <v>49</v>
      </c>
      <c r="G184" s="2" t="s">
        <v>49</v>
      </c>
      <c r="H184" s="2" t="s">
        <v>49</v>
      </c>
      <c r="I184" s="2" t="s">
        <v>49</v>
      </c>
    </row>
    <row r="186" spans="1:11" x14ac:dyDescent="0.2">
      <c r="A186" s="8" t="s">
        <v>6</v>
      </c>
      <c r="B186" s="8" t="s">
        <v>583</v>
      </c>
      <c r="C186" s="8" t="s">
        <v>305</v>
      </c>
      <c r="D186" s="8" t="s">
        <v>306</v>
      </c>
      <c r="E186" s="8" t="s">
        <v>307</v>
      </c>
      <c r="F186" s="8" t="s">
        <v>7</v>
      </c>
      <c r="G186" s="8" t="s">
        <v>310</v>
      </c>
      <c r="H186" s="8" t="s">
        <v>311</v>
      </c>
      <c r="I186" s="8" t="s">
        <v>7</v>
      </c>
      <c r="J186" s="8" t="s">
        <v>313</v>
      </c>
      <c r="K186" s="8" t="s">
        <v>314</v>
      </c>
    </row>
    <row r="187" spans="1:11" ht="21" x14ac:dyDescent="0.2">
      <c r="A187" s="8" t="s">
        <v>7</v>
      </c>
      <c r="B187" s="8" t="s">
        <v>7</v>
      </c>
      <c r="C187" s="8" t="s">
        <v>7</v>
      </c>
      <c r="D187" s="8" t="s">
        <v>7</v>
      </c>
      <c r="E187" s="1" t="s">
        <v>308</v>
      </c>
      <c r="F187" s="1" t="s">
        <v>309</v>
      </c>
      <c r="G187" s="8" t="s">
        <v>7</v>
      </c>
      <c r="H187" s="1" t="s">
        <v>308</v>
      </c>
      <c r="I187" s="1" t="s">
        <v>312</v>
      </c>
      <c r="J187" s="8" t="s">
        <v>7</v>
      </c>
      <c r="K187" s="8" t="s">
        <v>7</v>
      </c>
    </row>
    <row r="188" spans="1:11" x14ac:dyDescent="0.2">
      <c r="A188" s="5" t="s">
        <v>584</v>
      </c>
      <c r="B188" s="7" t="s">
        <v>585</v>
      </c>
      <c r="C188" s="3" t="s">
        <v>414</v>
      </c>
      <c r="D188" s="3" t="s">
        <v>415</v>
      </c>
      <c r="E188" s="3" t="s">
        <v>416</v>
      </c>
      <c r="F188" s="3" t="s">
        <v>416</v>
      </c>
      <c r="G188" s="3" t="s">
        <v>417</v>
      </c>
      <c r="H188" s="3" t="s">
        <v>418</v>
      </c>
      <c r="I188" s="3" t="s">
        <v>418</v>
      </c>
      <c r="J188" s="3" t="s">
        <v>419</v>
      </c>
      <c r="K188" s="3" t="s">
        <v>420</v>
      </c>
    </row>
    <row r="189" spans="1:11" x14ac:dyDescent="0.2">
      <c r="A189" s="5" t="s">
        <v>586</v>
      </c>
      <c r="B189" s="7" t="s">
        <v>587</v>
      </c>
      <c r="C189" s="3" t="s">
        <v>414</v>
      </c>
      <c r="D189" s="3" t="s">
        <v>415</v>
      </c>
      <c r="E189" s="3" t="s">
        <v>416</v>
      </c>
      <c r="F189" s="3" t="s">
        <v>416</v>
      </c>
      <c r="G189" s="3" t="s">
        <v>417</v>
      </c>
      <c r="H189" s="3" t="s">
        <v>418</v>
      </c>
      <c r="I189" s="3" t="s">
        <v>418</v>
      </c>
      <c r="J189" s="3" t="s">
        <v>419</v>
      </c>
      <c r="K189" s="3" t="s">
        <v>420</v>
      </c>
    </row>
    <row r="190" spans="1:11" x14ac:dyDescent="0.2">
      <c r="A190" s="4" t="s">
        <v>588</v>
      </c>
      <c r="B190" s="6" t="s">
        <v>589</v>
      </c>
      <c r="C190" s="2" t="s">
        <v>590</v>
      </c>
      <c r="D190" s="2" t="s">
        <v>591</v>
      </c>
      <c r="E190" s="2" t="s">
        <v>592</v>
      </c>
      <c r="F190" s="2" t="s">
        <v>592</v>
      </c>
      <c r="G190" s="2" t="s">
        <v>593</v>
      </c>
      <c r="H190" s="2" t="s">
        <v>594</v>
      </c>
      <c r="I190" s="2" t="s">
        <v>594</v>
      </c>
      <c r="J190" s="2" t="s">
        <v>595</v>
      </c>
      <c r="K190" s="2" t="s">
        <v>596</v>
      </c>
    </row>
    <row r="191" spans="1:11" x14ac:dyDescent="0.2">
      <c r="A191" s="4" t="s">
        <v>597</v>
      </c>
      <c r="B191" s="6" t="s">
        <v>598</v>
      </c>
      <c r="C191" s="2" t="s">
        <v>49</v>
      </c>
      <c r="D191" s="2" t="s">
        <v>49</v>
      </c>
      <c r="E191" s="2" t="s">
        <v>49</v>
      </c>
      <c r="F191" s="2" t="s">
        <v>49</v>
      </c>
      <c r="G191" s="2" t="s">
        <v>49</v>
      </c>
      <c r="H191" s="2" t="s">
        <v>49</v>
      </c>
      <c r="I191" s="2" t="s">
        <v>49</v>
      </c>
      <c r="J191" s="2" t="s">
        <v>49</v>
      </c>
      <c r="K191" s="2" t="s">
        <v>49</v>
      </c>
    </row>
    <row r="192" spans="1:11" x14ac:dyDescent="0.2">
      <c r="A192" s="4" t="s">
        <v>599</v>
      </c>
      <c r="B192" s="6" t="s">
        <v>600</v>
      </c>
      <c r="C192" s="2" t="s">
        <v>601</v>
      </c>
      <c r="D192" s="2" t="s">
        <v>602</v>
      </c>
      <c r="E192" s="2" t="s">
        <v>603</v>
      </c>
      <c r="F192" s="2" t="s">
        <v>603</v>
      </c>
      <c r="G192" s="2" t="s">
        <v>604</v>
      </c>
      <c r="H192" s="2" t="s">
        <v>605</v>
      </c>
      <c r="I192" s="2" t="s">
        <v>605</v>
      </c>
      <c r="J192" s="2" t="s">
        <v>606</v>
      </c>
      <c r="K192" s="2" t="s">
        <v>607</v>
      </c>
    </row>
    <row r="193" spans="1:11" x14ac:dyDescent="0.2">
      <c r="A193" s="5" t="s">
        <v>608</v>
      </c>
      <c r="B193" s="7" t="s">
        <v>609</v>
      </c>
      <c r="C193" s="3" t="s">
        <v>49</v>
      </c>
      <c r="D193" s="3" t="s">
        <v>49</v>
      </c>
      <c r="E193" s="3" t="s">
        <v>49</v>
      </c>
      <c r="F193" s="3" t="s">
        <v>49</v>
      </c>
      <c r="G193" s="3" t="s">
        <v>49</v>
      </c>
      <c r="H193" s="3" t="s">
        <v>49</v>
      </c>
      <c r="I193" s="3" t="s">
        <v>49</v>
      </c>
      <c r="J193" s="3" t="s">
        <v>49</v>
      </c>
      <c r="K193" s="3" t="s">
        <v>49</v>
      </c>
    </row>
    <row r="194" spans="1:11" x14ac:dyDescent="0.2">
      <c r="A194" s="4" t="s">
        <v>610</v>
      </c>
      <c r="B194" s="6" t="s">
        <v>611</v>
      </c>
      <c r="C194" s="2" t="s">
        <v>49</v>
      </c>
      <c r="D194" s="2" t="s">
        <v>49</v>
      </c>
      <c r="E194" s="2" t="s">
        <v>49</v>
      </c>
      <c r="F194" s="2" t="s">
        <v>49</v>
      </c>
      <c r="G194" s="2" t="s">
        <v>49</v>
      </c>
      <c r="H194" s="2" t="s">
        <v>49</v>
      </c>
      <c r="I194" s="2" t="s">
        <v>49</v>
      </c>
      <c r="J194" s="2" t="s">
        <v>49</v>
      </c>
      <c r="K194" s="2" t="s">
        <v>49</v>
      </c>
    </row>
    <row r="195" spans="1:11" x14ac:dyDescent="0.2">
      <c r="A195" s="4" t="s">
        <v>612</v>
      </c>
      <c r="B195" s="6" t="s">
        <v>613</v>
      </c>
      <c r="C195" s="2" t="s">
        <v>49</v>
      </c>
      <c r="D195" s="2" t="s">
        <v>49</v>
      </c>
      <c r="E195" s="2" t="s">
        <v>49</v>
      </c>
      <c r="F195" s="2" t="s">
        <v>49</v>
      </c>
      <c r="G195" s="2" t="s">
        <v>49</v>
      </c>
      <c r="H195" s="2" t="s">
        <v>49</v>
      </c>
      <c r="I195" s="2" t="s">
        <v>49</v>
      </c>
      <c r="J195" s="2" t="s">
        <v>49</v>
      </c>
      <c r="K195" s="2" t="s">
        <v>49</v>
      </c>
    </row>
    <row r="196" spans="1:11" x14ac:dyDescent="0.2">
      <c r="A196" s="4" t="s">
        <v>614</v>
      </c>
      <c r="B196" s="6" t="s">
        <v>615</v>
      </c>
      <c r="C196" s="2" t="s">
        <v>49</v>
      </c>
      <c r="D196" s="2" t="s">
        <v>49</v>
      </c>
      <c r="E196" s="2" t="s">
        <v>49</v>
      </c>
      <c r="F196" s="2" t="s">
        <v>49</v>
      </c>
      <c r="G196" s="2" t="s">
        <v>49</v>
      </c>
      <c r="H196" s="2" t="s">
        <v>49</v>
      </c>
      <c r="I196" s="2" t="s">
        <v>49</v>
      </c>
      <c r="J196" s="2" t="s">
        <v>49</v>
      </c>
      <c r="K196" s="2" t="s">
        <v>49</v>
      </c>
    </row>
  </sheetData>
  <mergeCells count="36">
    <mergeCell ref="I10:I11"/>
    <mergeCell ref="A3:K3"/>
    <mergeCell ref="A4:K4"/>
    <mergeCell ref="A5:K5"/>
    <mergeCell ref="A6:K6"/>
    <mergeCell ref="A7:K7"/>
    <mergeCell ref="A9:K9"/>
    <mergeCell ref="B92:B93"/>
    <mergeCell ref="C92:C93"/>
    <mergeCell ref="D92:D93"/>
    <mergeCell ref="E92:F92"/>
    <mergeCell ref="G92:G93"/>
    <mergeCell ref="A10:A11"/>
    <mergeCell ref="B10:B11"/>
    <mergeCell ref="C10:C11"/>
    <mergeCell ref="D10:D11"/>
    <mergeCell ref="E10:H10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H186:I186"/>
    <mergeCell ref="J186:J187"/>
    <mergeCell ref="K186:K187"/>
    <mergeCell ref="A186:A187"/>
    <mergeCell ref="B186:B187"/>
    <mergeCell ref="C186:C187"/>
    <mergeCell ref="D186:D187"/>
    <mergeCell ref="E186:F186"/>
    <mergeCell ref="G186:G187"/>
  </mergeCells>
  <pageMargins left="0.78740157499999996" right="0.78740157499999996" top="0.984251969" bottom="0.984251969" header="0.5" footer="0.5"/>
  <pageSetup orientation="portrait" horizontalDpi="300" verticalDpi="300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0"/>
  <sheetViews>
    <sheetView showGridLines="0" topLeftCell="A19" workbookViewId="0">
      <selection activeCell="D10" sqref="D10:E10"/>
    </sheetView>
  </sheetViews>
  <sheetFormatPr defaultRowHeight="12.75" x14ac:dyDescent="0.2"/>
  <cols>
    <col min="1" max="1" width="3.28515625" bestFit="1" customWidth="1"/>
    <col min="2" max="2" width="59.7109375" bestFit="1" customWidth="1"/>
    <col min="3" max="3" width="24.140625" customWidth="1"/>
    <col min="4" max="4" width="18.42578125" customWidth="1"/>
    <col min="5" max="5" width="14.85546875" bestFit="1" customWidth="1"/>
    <col min="6" max="13" width="9.7109375" bestFit="1" customWidth="1"/>
  </cols>
  <sheetData>
    <row r="3" spans="1:13" x14ac:dyDescent="0.2">
      <c r="A3" s="9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</row>
    <row r="4" spans="1:13" x14ac:dyDescent="0.2">
      <c r="A4" s="9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</row>
    <row r="5" spans="1:13" x14ac:dyDescent="0.2">
      <c r="A5" s="9" t="s">
        <v>3136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</row>
    <row r="6" spans="1:13" x14ac:dyDescent="0.2">
      <c r="A6" s="9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</row>
    <row r="7" spans="1:13" x14ac:dyDescent="0.2">
      <c r="A7" s="9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</row>
    <row r="9" spans="1:13" x14ac:dyDescent="0.2">
      <c r="A9" s="11" t="s">
        <v>3137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</row>
    <row r="10" spans="1:13" ht="25.5" customHeight="1" x14ac:dyDescent="0.2">
      <c r="A10" s="8" t="s">
        <v>6</v>
      </c>
      <c r="B10" s="8" t="s">
        <v>1572</v>
      </c>
      <c r="C10" s="8" t="s">
        <v>3138</v>
      </c>
      <c r="D10" s="8" t="s">
        <v>3139</v>
      </c>
      <c r="E10" s="8" t="s">
        <v>3139</v>
      </c>
    </row>
    <row r="11" spans="1:13" ht="21" x14ac:dyDescent="0.2">
      <c r="A11" s="8" t="s">
        <v>7</v>
      </c>
      <c r="B11" s="8" t="s">
        <v>7</v>
      </c>
      <c r="C11" s="8" t="s">
        <v>7</v>
      </c>
      <c r="D11" s="1" t="s">
        <v>308</v>
      </c>
      <c r="E11" s="1" t="s">
        <v>621</v>
      </c>
    </row>
    <row r="12" spans="1:13" x14ac:dyDescent="0.2">
      <c r="A12" s="4" t="s">
        <v>17</v>
      </c>
      <c r="B12" s="6" t="s">
        <v>3140</v>
      </c>
      <c r="C12" s="2" t="s">
        <v>49</v>
      </c>
      <c r="D12" s="2" t="s">
        <v>49</v>
      </c>
      <c r="E12" s="2" t="s">
        <v>49</v>
      </c>
    </row>
    <row r="13" spans="1:13" x14ac:dyDescent="0.2">
      <c r="A13" s="4" t="s">
        <v>23</v>
      </c>
      <c r="B13" s="6" t="s">
        <v>3141</v>
      </c>
      <c r="C13" s="2" t="s">
        <v>49</v>
      </c>
      <c r="D13" s="2" t="s">
        <v>49</v>
      </c>
      <c r="E13" s="2" t="s">
        <v>49</v>
      </c>
    </row>
    <row r="14" spans="1:13" x14ac:dyDescent="0.2">
      <c r="A14" s="5" t="s">
        <v>29</v>
      </c>
      <c r="B14" s="7" t="s">
        <v>3142</v>
      </c>
      <c r="C14" s="3" t="s">
        <v>49</v>
      </c>
      <c r="D14" s="3" t="s">
        <v>49</v>
      </c>
      <c r="E14" s="3" t="s">
        <v>49</v>
      </c>
    </row>
    <row r="15" spans="1:13" x14ac:dyDescent="0.2">
      <c r="A15" s="4" t="s">
        <v>35</v>
      </c>
      <c r="B15" s="6" t="s">
        <v>3143</v>
      </c>
      <c r="C15" s="2" t="s">
        <v>49</v>
      </c>
      <c r="D15" s="2" t="s">
        <v>49</v>
      </c>
      <c r="E15" s="2" t="s">
        <v>49</v>
      </c>
    </row>
    <row r="16" spans="1:13" x14ac:dyDescent="0.2">
      <c r="A16" s="4" t="s">
        <v>41</v>
      </c>
      <c r="B16" s="6" t="s">
        <v>3144</v>
      </c>
      <c r="C16" s="2" t="s">
        <v>49</v>
      </c>
      <c r="D16" s="2" t="s">
        <v>49</v>
      </c>
      <c r="E16" s="2" t="s">
        <v>49</v>
      </c>
    </row>
    <row r="17" spans="1:13" x14ac:dyDescent="0.2">
      <c r="A17" s="4" t="s">
        <v>47</v>
      </c>
      <c r="B17" s="6" t="s">
        <v>3145</v>
      </c>
      <c r="C17" s="2" t="s">
        <v>49</v>
      </c>
      <c r="D17" s="2" t="s">
        <v>49</v>
      </c>
      <c r="E17" s="2" t="s">
        <v>49</v>
      </c>
    </row>
    <row r="18" spans="1:13" x14ac:dyDescent="0.2">
      <c r="A18" s="5" t="s">
        <v>50</v>
      </c>
      <c r="B18" s="7" t="s">
        <v>3146</v>
      </c>
      <c r="C18" s="3" t="s">
        <v>49</v>
      </c>
      <c r="D18" s="3" t="s">
        <v>49</v>
      </c>
      <c r="E18" s="3" t="s">
        <v>49</v>
      </c>
    </row>
    <row r="19" spans="1:13" x14ac:dyDescent="0.2">
      <c r="A19" s="5" t="s">
        <v>56</v>
      </c>
      <c r="B19" s="7" t="s">
        <v>3147</v>
      </c>
      <c r="C19" s="3" t="s">
        <v>49</v>
      </c>
      <c r="D19" s="3" t="s">
        <v>49</v>
      </c>
      <c r="E19" s="3" t="s">
        <v>49</v>
      </c>
    </row>
    <row r="20" spans="1:13" x14ac:dyDescent="0.2">
      <c r="A20" s="4" t="s">
        <v>58</v>
      </c>
      <c r="B20" s="6" t="s">
        <v>3148</v>
      </c>
      <c r="C20" s="2" t="s">
        <v>49</v>
      </c>
      <c r="D20" s="2" t="s">
        <v>49</v>
      </c>
      <c r="E20" s="2" t="s">
        <v>49</v>
      </c>
    </row>
    <row r="22" spans="1:13" x14ac:dyDescent="0.2">
      <c r="A22" s="8" t="s">
        <v>6</v>
      </c>
      <c r="B22" s="8" t="s">
        <v>3149</v>
      </c>
      <c r="C22" s="8" t="s">
        <v>3150</v>
      </c>
      <c r="D22" s="8" t="s">
        <v>3151</v>
      </c>
      <c r="E22" s="8" t="s">
        <v>3152</v>
      </c>
      <c r="F22" s="8" t="s">
        <v>3153</v>
      </c>
      <c r="G22" s="8" t="s">
        <v>3154</v>
      </c>
      <c r="H22" s="8" t="s">
        <v>3155</v>
      </c>
      <c r="I22" s="8" t="s">
        <v>3156</v>
      </c>
      <c r="J22" s="8" t="s">
        <v>3157</v>
      </c>
      <c r="K22" s="8" t="s">
        <v>3158</v>
      </c>
      <c r="L22" s="8" t="s">
        <v>3159</v>
      </c>
      <c r="M22" s="8" t="s">
        <v>3160</v>
      </c>
    </row>
    <row r="23" spans="1:13" x14ac:dyDescent="0.2">
      <c r="A23" s="8" t="s">
        <v>7</v>
      </c>
      <c r="B23" s="8" t="s">
        <v>7</v>
      </c>
      <c r="C23" s="8" t="s">
        <v>7</v>
      </c>
      <c r="D23" s="8" t="s">
        <v>7</v>
      </c>
      <c r="E23" s="8" t="s">
        <v>7</v>
      </c>
      <c r="F23" s="8" t="s">
        <v>7</v>
      </c>
      <c r="G23" s="8" t="s">
        <v>7</v>
      </c>
      <c r="H23" s="8" t="s">
        <v>7</v>
      </c>
      <c r="I23" s="8" t="s">
        <v>7</v>
      </c>
      <c r="J23" s="8" t="s">
        <v>7</v>
      </c>
      <c r="K23" s="8" t="s">
        <v>7</v>
      </c>
      <c r="L23" s="8" t="s">
        <v>7</v>
      </c>
      <c r="M23" s="8" t="s">
        <v>7</v>
      </c>
    </row>
    <row r="24" spans="1:13" x14ac:dyDescent="0.2">
      <c r="A24" s="4" t="s">
        <v>60</v>
      </c>
      <c r="B24" s="6" t="s">
        <v>3161</v>
      </c>
      <c r="C24" s="2" t="s">
        <v>49</v>
      </c>
      <c r="D24" s="2" t="s">
        <v>49</v>
      </c>
      <c r="E24" s="2" t="s">
        <v>49</v>
      </c>
      <c r="F24" s="2" t="s">
        <v>49</v>
      </c>
      <c r="G24" s="2" t="s">
        <v>49</v>
      </c>
      <c r="H24" s="2" t="s">
        <v>49</v>
      </c>
      <c r="I24" s="2" t="s">
        <v>49</v>
      </c>
      <c r="J24" s="2" t="s">
        <v>49</v>
      </c>
      <c r="K24" s="2" t="s">
        <v>49</v>
      </c>
      <c r="L24" s="2" t="s">
        <v>49</v>
      </c>
      <c r="M24" s="2" t="s">
        <v>49</v>
      </c>
    </row>
    <row r="25" spans="1:13" x14ac:dyDescent="0.2">
      <c r="A25" s="4" t="s">
        <v>62</v>
      </c>
      <c r="B25" s="6" t="s">
        <v>3162</v>
      </c>
      <c r="C25" s="2" t="s">
        <v>49</v>
      </c>
      <c r="D25" s="2" t="s">
        <v>49</v>
      </c>
      <c r="E25" s="2" t="s">
        <v>49</v>
      </c>
      <c r="F25" s="2" t="s">
        <v>49</v>
      </c>
      <c r="G25" s="2" t="s">
        <v>49</v>
      </c>
      <c r="H25" s="2" t="s">
        <v>49</v>
      </c>
      <c r="I25" s="2" t="s">
        <v>49</v>
      </c>
      <c r="J25" s="2" t="s">
        <v>49</v>
      </c>
      <c r="K25" s="2" t="s">
        <v>49</v>
      </c>
      <c r="L25" s="2" t="s">
        <v>49</v>
      </c>
      <c r="M25" s="2" t="s">
        <v>49</v>
      </c>
    </row>
    <row r="26" spans="1:13" x14ac:dyDescent="0.2">
      <c r="A26" s="5" t="s">
        <v>68</v>
      </c>
      <c r="B26" s="7" t="s">
        <v>3163</v>
      </c>
      <c r="C26" s="3" t="s">
        <v>49</v>
      </c>
      <c r="D26" s="3" t="s">
        <v>49</v>
      </c>
      <c r="E26" s="3" t="s">
        <v>49</v>
      </c>
      <c r="F26" s="3" t="s">
        <v>49</v>
      </c>
      <c r="G26" s="3" t="s">
        <v>49</v>
      </c>
      <c r="H26" s="3" t="s">
        <v>49</v>
      </c>
      <c r="I26" s="3" t="s">
        <v>49</v>
      </c>
      <c r="J26" s="3" t="s">
        <v>49</v>
      </c>
      <c r="K26" s="3" t="s">
        <v>49</v>
      </c>
      <c r="L26" s="3" t="s">
        <v>49</v>
      </c>
      <c r="M26" s="3" t="s">
        <v>49</v>
      </c>
    </row>
    <row r="27" spans="1:13" x14ac:dyDescent="0.2">
      <c r="A27" s="4" t="s">
        <v>74</v>
      </c>
      <c r="B27" s="6" t="s">
        <v>3164</v>
      </c>
      <c r="C27" s="2" t="s">
        <v>49</v>
      </c>
      <c r="D27" s="2" t="s">
        <v>49</v>
      </c>
      <c r="E27" s="2" t="s">
        <v>49</v>
      </c>
      <c r="F27" s="2" t="s">
        <v>49</v>
      </c>
      <c r="G27" s="2" t="s">
        <v>49</v>
      </c>
      <c r="H27" s="2" t="s">
        <v>49</v>
      </c>
      <c r="I27" s="2" t="s">
        <v>49</v>
      </c>
      <c r="J27" s="2" t="s">
        <v>49</v>
      </c>
      <c r="K27" s="2" t="s">
        <v>49</v>
      </c>
      <c r="L27" s="2" t="s">
        <v>49</v>
      </c>
      <c r="M27" s="2" t="s">
        <v>49</v>
      </c>
    </row>
    <row r="28" spans="1:13" x14ac:dyDescent="0.2">
      <c r="A28" s="4" t="s">
        <v>80</v>
      </c>
      <c r="B28" s="6" t="s">
        <v>3165</v>
      </c>
      <c r="C28" s="2" t="s">
        <v>49</v>
      </c>
      <c r="D28" s="2" t="s">
        <v>1905</v>
      </c>
      <c r="E28" s="2" t="s">
        <v>49</v>
      </c>
      <c r="F28" s="2" t="s">
        <v>49</v>
      </c>
      <c r="G28" s="2" t="s">
        <v>49</v>
      </c>
      <c r="H28" s="2" t="s">
        <v>49</v>
      </c>
      <c r="I28" s="2" t="s">
        <v>49</v>
      </c>
      <c r="J28" s="2" t="s">
        <v>49</v>
      </c>
      <c r="K28" s="2" t="s">
        <v>49</v>
      </c>
      <c r="L28" s="2" t="s">
        <v>49</v>
      </c>
      <c r="M28" s="2" t="s">
        <v>49</v>
      </c>
    </row>
    <row r="29" spans="1:13" x14ac:dyDescent="0.2">
      <c r="A29" s="4" t="s">
        <v>86</v>
      </c>
      <c r="B29" s="6" t="s">
        <v>3166</v>
      </c>
      <c r="C29" s="2" t="s">
        <v>49</v>
      </c>
      <c r="D29" s="2" t="s">
        <v>49</v>
      </c>
      <c r="E29" s="2" t="s">
        <v>49</v>
      </c>
      <c r="F29" s="2" t="s">
        <v>49</v>
      </c>
      <c r="G29" s="2" t="s">
        <v>49</v>
      </c>
      <c r="H29" s="2" t="s">
        <v>49</v>
      </c>
      <c r="I29" s="2" t="s">
        <v>49</v>
      </c>
      <c r="J29" s="2" t="s">
        <v>49</v>
      </c>
      <c r="K29" s="2" t="s">
        <v>49</v>
      </c>
      <c r="L29" s="2" t="s">
        <v>49</v>
      </c>
      <c r="M29" s="2" t="s">
        <v>49</v>
      </c>
    </row>
    <row r="30" spans="1:13" x14ac:dyDescent="0.2">
      <c r="A30" s="4" t="s">
        <v>92</v>
      </c>
      <c r="B30" s="6" t="s">
        <v>3167</v>
      </c>
      <c r="C30" s="2" t="s">
        <v>49</v>
      </c>
      <c r="D30" s="2" t="s">
        <v>49</v>
      </c>
      <c r="E30" s="2" t="s">
        <v>49</v>
      </c>
      <c r="F30" s="2" t="s">
        <v>49</v>
      </c>
      <c r="G30" s="2" t="s">
        <v>49</v>
      </c>
      <c r="H30" s="2" t="s">
        <v>49</v>
      </c>
      <c r="I30" s="2" t="s">
        <v>49</v>
      </c>
      <c r="J30" s="2" t="s">
        <v>49</v>
      </c>
      <c r="K30" s="2" t="s">
        <v>49</v>
      </c>
      <c r="L30" s="2" t="s">
        <v>49</v>
      </c>
      <c r="M30" s="2" t="s">
        <v>49</v>
      </c>
    </row>
  </sheetData>
  <mergeCells count="23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E10"/>
    <mergeCell ref="A22:A23"/>
    <mergeCell ref="B22:B23"/>
    <mergeCell ref="C22:C23"/>
    <mergeCell ref="D22:D23"/>
    <mergeCell ref="E22:E23"/>
    <mergeCell ref="L22:L23"/>
    <mergeCell ref="M22:M23"/>
    <mergeCell ref="F22:F23"/>
    <mergeCell ref="G22:G23"/>
    <mergeCell ref="H22:H23"/>
    <mergeCell ref="I22:I23"/>
    <mergeCell ref="J22:J23"/>
    <mergeCell ref="K22:K23"/>
  </mergeCells>
  <pageMargins left="0.78740157499999996" right="0.78740157499999996" top="0.984251969" bottom="0.984251969" header="0.5" footer="0.5"/>
  <pageSetup orientation="portrait" horizontalDpi="300" verticalDpi="300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2"/>
  <sheetViews>
    <sheetView showGridLines="0" workbookViewId="0"/>
  </sheetViews>
  <sheetFormatPr defaultRowHeight="12.75" x14ac:dyDescent="0.2"/>
  <cols>
    <col min="1" max="1" width="3.28515625" customWidth="1"/>
    <col min="2" max="2" width="90.5703125" customWidth="1"/>
    <col min="3" max="3" width="16.42578125" customWidth="1"/>
    <col min="4" max="4" width="30" customWidth="1"/>
    <col min="5" max="5" width="25.140625" customWidth="1"/>
    <col min="6" max="6" width="15.28515625" customWidth="1"/>
  </cols>
  <sheetData>
    <row r="3" spans="1:6" x14ac:dyDescent="0.2">
      <c r="A3" s="9" t="s">
        <v>0</v>
      </c>
      <c r="B3" s="10"/>
      <c r="C3" s="10"/>
      <c r="D3" s="10"/>
      <c r="E3" s="10"/>
      <c r="F3" s="10"/>
    </row>
    <row r="4" spans="1:6" x14ac:dyDescent="0.2">
      <c r="A4" s="9" t="s">
        <v>1</v>
      </c>
      <c r="B4" s="10"/>
      <c r="C4" s="10"/>
      <c r="D4" s="10"/>
      <c r="E4" s="10"/>
      <c r="F4" s="10"/>
    </row>
    <row r="5" spans="1:6" x14ac:dyDescent="0.2">
      <c r="A5" s="9" t="s">
        <v>3168</v>
      </c>
      <c r="B5" s="10"/>
      <c r="C5" s="10"/>
      <c r="D5" s="10"/>
      <c r="E5" s="10"/>
      <c r="F5" s="10"/>
    </row>
    <row r="6" spans="1:6" x14ac:dyDescent="0.2">
      <c r="A6" s="9" t="s">
        <v>3</v>
      </c>
      <c r="B6" s="10"/>
      <c r="C6" s="10"/>
      <c r="D6" s="10"/>
      <c r="E6" s="10"/>
      <c r="F6" s="10"/>
    </row>
    <row r="7" spans="1:6" x14ac:dyDescent="0.2">
      <c r="A7" s="9" t="s">
        <v>4</v>
      </c>
      <c r="B7" s="10"/>
      <c r="C7" s="10"/>
      <c r="D7" s="10"/>
      <c r="E7" s="10"/>
      <c r="F7" s="10"/>
    </row>
    <row r="9" spans="1:6" x14ac:dyDescent="0.2">
      <c r="A9" s="11" t="s">
        <v>3169</v>
      </c>
      <c r="B9" s="10"/>
      <c r="C9" s="10"/>
      <c r="D9" s="10"/>
      <c r="E9" s="10"/>
      <c r="F9" s="10"/>
    </row>
    <row r="10" spans="1:6" x14ac:dyDescent="0.2">
      <c r="A10" s="8" t="s">
        <v>6</v>
      </c>
      <c r="B10" s="8" t="s">
        <v>3170</v>
      </c>
      <c r="C10" s="8" t="s">
        <v>3171</v>
      </c>
    </row>
    <row r="11" spans="1:6" x14ac:dyDescent="0.2">
      <c r="A11" s="8" t="s">
        <v>7</v>
      </c>
      <c r="B11" s="8" t="s">
        <v>7</v>
      </c>
      <c r="C11" s="8" t="s">
        <v>7</v>
      </c>
    </row>
    <row r="12" spans="1:6" x14ac:dyDescent="0.2">
      <c r="A12" s="4" t="s">
        <v>17</v>
      </c>
      <c r="B12" s="6" t="s">
        <v>8</v>
      </c>
      <c r="C12" s="2" t="s">
        <v>49</v>
      </c>
    </row>
    <row r="13" spans="1:6" x14ac:dyDescent="0.2">
      <c r="A13" s="4" t="s">
        <v>23</v>
      </c>
      <c r="B13" s="6" t="s">
        <v>9</v>
      </c>
      <c r="C13" s="2" t="s">
        <v>270</v>
      </c>
    </row>
    <row r="14" spans="1:6" x14ac:dyDescent="0.2">
      <c r="A14" s="4" t="s">
        <v>29</v>
      </c>
      <c r="B14" s="6" t="s">
        <v>1587</v>
      </c>
      <c r="C14" s="2" t="s">
        <v>270</v>
      </c>
    </row>
    <row r="15" spans="1:6" x14ac:dyDescent="0.2">
      <c r="A15" s="4" t="s">
        <v>35</v>
      </c>
      <c r="B15" s="6" t="s">
        <v>11</v>
      </c>
      <c r="C15" s="2" t="s">
        <v>271</v>
      </c>
    </row>
    <row r="16" spans="1:6" x14ac:dyDescent="0.2">
      <c r="A16" s="4" t="s">
        <v>41</v>
      </c>
      <c r="B16" s="6" t="s">
        <v>3172</v>
      </c>
      <c r="C16" s="2" t="s">
        <v>290</v>
      </c>
    </row>
    <row r="17" spans="1:3" x14ac:dyDescent="0.2">
      <c r="A17" s="4" t="s">
        <v>47</v>
      </c>
      <c r="B17" s="6" t="s">
        <v>3173</v>
      </c>
      <c r="C17" s="2" t="s">
        <v>49</v>
      </c>
    </row>
    <row r="18" spans="1:3" x14ac:dyDescent="0.2">
      <c r="A18" s="4" t="s">
        <v>50</v>
      </c>
      <c r="B18" s="6" t="s">
        <v>304</v>
      </c>
      <c r="C18" s="2" t="s">
        <v>49</v>
      </c>
    </row>
    <row r="19" spans="1:3" x14ac:dyDescent="0.2">
      <c r="A19" s="4" t="s">
        <v>56</v>
      </c>
      <c r="B19" s="6" t="s">
        <v>619</v>
      </c>
      <c r="C19" s="2" t="s">
        <v>270</v>
      </c>
    </row>
    <row r="20" spans="1:3" x14ac:dyDescent="0.2">
      <c r="A20" s="4" t="s">
        <v>58</v>
      </c>
      <c r="B20" s="6" t="s">
        <v>3174</v>
      </c>
      <c r="C20" s="2" t="s">
        <v>3175</v>
      </c>
    </row>
    <row r="21" spans="1:3" x14ac:dyDescent="0.2">
      <c r="A21" s="4" t="s">
        <v>60</v>
      </c>
      <c r="B21" s="6" t="s">
        <v>1959</v>
      </c>
      <c r="C21" s="2" t="s">
        <v>423</v>
      </c>
    </row>
    <row r="22" spans="1:3" x14ac:dyDescent="0.2">
      <c r="A22" s="4" t="s">
        <v>62</v>
      </c>
      <c r="B22" s="6" t="s">
        <v>307</v>
      </c>
      <c r="C22" s="2" t="s">
        <v>424</v>
      </c>
    </row>
    <row r="23" spans="1:3" x14ac:dyDescent="0.2">
      <c r="A23" s="4" t="s">
        <v>68</v>
      </c>
      <c r="B23" s="6" t="s">
        <v>311</v>
      </c>
      <c r="C23" s="2" t="s">
        <v>293</v>
      </c>
    </row>
    <row r="24" spans="1:3" x14ac:dyDescent="0.2">
      <c r="A24" s="4" t="s">
        <v>74</v>
      </c>
      <c r="B24" s="6" t="s">
        <v>3176</v>
      </c>
      <c r="C24" s="2" t="s">
        <v>427</v>
      </c>
    </row>
    <row r="25" spans="1:3" x14ac:dyDescent="0.2">
      <c r="A25" s="4" t="s">
        <v>80</v>
      </c>
      <c r="B25" s="6" t="s">
        <v>3177</v>
      </c>
      <c r="C25" s="2" t="s">
        <v>49</v>
      </c>
    </row>
    <row r="27" spans="1:3" x14ac:dyDescent="0.2">
      <c r="A27" s="8" t="s">
        <v>6</v>
      </c>
      <c r="B27" s="8" t="s">
        <v>3178</v>
      </c>
      <c r="C27" s="8" t="s">
        <v>3171</v>
      </c>
    </row>
    <row r="28" spans="1:3" x14ac:dyDescent="0.2">
      <c r="A28" s="8" t="s">
        <v>7</v>
      </c>
      <c r="B28" s="8" t="s">
        <v>7</v>
      </c>
      <c r="C28" s="8" t="s">
        <v>7</v>
      </c>
    </row>
    <row r="29" spans="1:3" x14ac:dyDescent="0.2">
      <c r="A29" s="4" t="s">
        <v>86</v>
      </c>
      <c r="B29" s="6" t="s">
        <v>307</v>
      </c>
      <c r="C29" s="2" t="s">
        <v>424</v>
      </c>
    </row>
    <row r="30" spans="1:3" x14ac:dyDescent="0.2">
      <c r="A30" s="4" t="s">
        <v>92</v>
      </c>
      <c r="B30" s="6" t="s">
        <v>311</v>
      </c>
      <c r="C30" s="2" t="s">
        <v>293</v>
      </c>
    </row>
    <row r="32" spans="1:3" x14ac:dyDescent="0.2">
      <c r="A32" s="8" t="s">
        <v>6</v>
      </c>
      <c r="B32" s="8" t="s">
        <v>3179</v>
      </c>
      <c r="C32" s="8" t="s">
        <v>3171</v>
      </c>
    </row>
    <row r="33" spans="1:5" x14ac:dyDescent="0.2">
      <c r="A33" s="8" t="s">
        <v>7</v>
      </c>
      <c r="B33" s="8" t="s">
        <v>7</v>
      </c>
      <c r="C33" s="8" t="s">
        <v>7</v>
      </c>
    </row>
    <row r="34" spans="1:5" x14ac:dyDescent="0.2">
      <c r="A34" s="4" t="s">
        <v>94</v>
      </c>
      <c r="B34" s="6" t="s">
        <v>3180</v>
      </c>
      <c r="C34" s="2" t="s">
        <v>1905</v>
      </c>
    </row>
    <row r="36" spans="1:5" x14ac:dyDescent="0.2">
      <c r="A36" s="8" t="s">
        <v>6</v>
      </c>
      <c r="B36" s="8" t="s">
        <v>3181</v>
      </c>
      <c r="C36" s="8" t="s">
        <v>3171</v>
      </c>
    </row>
    <row r="37" spans="1:5" x14ac:dyDescent="0.2">
      <c r="A37" s="8" t="s">
        <v>7</v>
      </c>
      <c r="B37" s="8" t="s">
        <v>7</v>
      </c>
      <c r="C37" s="8" t="s">
        <v>7</v>
      </c>
    </row>
    <row r="38" spans="1:5" x14ac:dyDescent="0.2">
      <c r="A38" s="4" t="s">
        <v>100</v>
      </c>
      <c r="B38" s="6" t="s">
        <v>3182</v>
      </c>
      <c r="C38" s="2" t="s">
        <v>49</v>
      </c>
    </row>
    <row r="39" spans="1:5" x14ac:dyDescent="0.2">
      <c r="A39" s="4" t="s">
        <v>102</v>
      </c>
      <c r="B39" s="6" t="s">
        <v>3183</v>
      </c>
      <c r="C39" s="2" t="s">
        <v>49</v>
      </c>
    </row>
    <row r="40" spans="1:5" x14ac:dyDescent="0.2">
      <c r="A40" s="4" t="s">
        <v>104</v>
      </c>
      <c r="B40" s="6" t="s">
        <v>3184</v>
      </c>
      <c r="C40" s="2" t="s">
        <v>49</v>
      </c>
    </row>
    <row r="41" spans="1:5" x14ac:dyDescent="0.2">
      <c r="A41" s="5" t="s">
        <v>106</v>
      </c>
      <c r="B41" s="7" t="s">
        <v>3185</v>
      </c>
      <c r="C41" s="3" t="s">
        <v>49</v>
      </c>
    </row>
    <row r="42" spans="1:5" x14ac:dyDescent="0.2">
      <c r="A42" s="4" t="s">
        <v>108</v>
      </c>
      <c r="B42" s="6" t="s">
        <v>3186</v>
      </c>
      <c r="C42" s="2" t="s">
        <v>49</v>
      </c>
    </row>
    <row r="43" spans="1:5" x14ac:dyDescent="0.2">
      <c r="A43" s="4" t="s">
        <v>110</v>
      </c>
      <c r="B43" s="6" t="s">
        <v>3187</v>
      </c>
      <c r="C43" s="2" t="s">
        <v>1914</v>
      </c>
    </row>
    <row r="44" spans="1:5" x14ac:dyDescent="0.2">
      <c r="A44" s="4" t="s">
        <v>112</v>
      </c>
      <c r="B44" s="6" t="s">
        <v>3188</v>
      </c>
      <c r="C44" s="2" t="s">
        <v>1968</v>
      </c>
    </row>
    <row r="45" spans="1:5" x14ac:dyDescent="0.2">
      <c r="A45" s="5" t="s">
        <v>114</v>
      </c>
      <c r="B45" s="7" t="s">
        <v>3189</v>
      </c>
      <c r="C45" s="3" t="s">
        <v>2016</v>
      </c>
    </row>
    <row r="47" spans="1:5" x14ac:dyDescent="0.2">
      <c r="A47" s="8" t="s">
        <v>6</v>
      </c>
      <c r="B47" s="8" t="s">
        <v>3190</v>
      </c>
      <c r="C47" s="8" t="s">
        <v>3191</v>
      </c>
      <c r="D47" s="8" t="s">
        <v>3192</v>
      </c>
      <c r="E47" s="8" t="s">
        <v>3193</v>
      </c>
    </row>
    <row r="48" spans="1:5" x14ac:dyDescent="0.2">
      <c r="A48" s="8" t="s">
        <v>7</v>
      </c>
      <c r="B48" s="8" t="s">
        <v>7</v>
      </c>
      <c r="C48" s="8" t="s">
        <v>7</v>
      </c>
      <c r="D48" s="8" t="s">
        <v>7</v>
      </c>
      <c r="E48" s="8" t="s">
        <v>7</v>
      </c>
    </row>
    <row r="49" spans="1:6" x14ac:dyDescent="0.2">
      <c r="A49" s="4" t="s">
        <v>116</v>
      </c>
      <c r="B49" s="6" t="s">
        <v>3194</v>
      </c>
      <c r="C49" s="2" t="s">
        <v>2250</v>
      </c>
      <c r="D49" s="2" t="s">
        <v>3195</v>
      </c>
      <c r="E49" s="2" t="s">
        <v>3196</v>
      </c>
    </row>
    <row r="50" spans="1:6" x14ac:dyDescent="0.2">
      <c r="A50" s="4" t="s">
        <v>118</v>
      </c>
      <c r="B50" s="6" t="s">
        <v>3197</v>
      </c>
      <c r="C50" s="2" t="s">
        <v>2406</v>
      </c>
      <c r="D50" s="2" t="s">
        <v>2402</v>
      </c>
      <c r="E50" s="2" t="s">
        <v>3198</v>
      </c>
    </row>
    <row r="52" spans="1:6" x14ac:dyDescent="0.2">
      <c r="A52" s="8" t="s">
        <v>6</v>
      </c>
      <c r="B52" s="8" t="s">
        <v>3199</v>
      </c>
      <c r="C52" s="8" t="s">
        <v>3200</v>
      </c>
      <c r="D52" s="8" t="s">
        <v>3201</v>
      </c>
      <c r="E52" s="8" t="s">
        <v>3202</v>
      </c>
      <c r="F52" s="8" t="s">
        <v>3203</v>
      </c>
    </row>
    <row r="53" spans="1:6" x14ac:dyDescent="0.2">
      <c r="A53" s="8" t="s">
        <v>7</v>
      </c>
      <c r="B53" s="8" t="s">
        <v>7</v>
      </c>
      <c r="C53" s="8" t="s">
        <v>7</v>
      </c>
      <c r="D53" s="8" t="s">
        <v>7</v>
      </c>
      <c r="E53" s="8" t="s">
        <v>7</v>
      </c>
      <c r="F53" s="8" t="s">
        <v>7</v>
      </c>
    </row>
    <row r="54" spans="1:6" x14ac:dyDescent="0.2">
      <c r="A54" s="5" t="s">
        <v>120</v>
      </c>
      <c r="B54" s="7" t="s">
        <v>3204</v>
      </c>
      <c r="C54" s="3" t="s">
        <v>3205</v>
      </c>
      <c r="D54" s="3" t="s">
        <v>2428</v>
      </c>
      <c r="E54" s="3" t="s">
        <v>2549</v>
      </c>
      <c r="F54" s="3" t="s">
        <v>2550</v>
      </c>
    </row>
    <row r="55" spans="1:6" x14ac:dyDescent="0.2">
      <c r="A55" s="4" t="s">
        <v>125</v>
      </c>
      <c r="B55" s="6" t="s">
        <v>3206</v>
      </c>
      <c r="C55" s="2" t="s">
        <v>3207</v>
      </c>
      <c r="D55" s="2" t="s">
        <v>2441</v>
      </c>
      <c r="E55" s="2" t="s">
        <v>3208</v>
      </c>
      <c r="F55" s="2" t="s">
        <v>3209</v>
      </c>
    </row>
    <row r="56" spans="1:6" x14ac:dyDescent="0.2">
      <c r="A56" s="4" t="s">
        <v>131</v>
      </c>
      <c r="B56" s="6" t="s">
        <v>3210</v>
      </c>
      <c r="C56" s="2" t="s">
        <v>3211</v>
      </c>
      <c r="D56" s="2" t="s">
        <v>49</v>
      </c>
      <c r="E56" s="2" t="s">
        <v>3212</v>
      </c>
      <c r="F56" s="2" t="s">
        <v>3213</v>
      </c>
    </row>
    <row r="57" spans="1:6" x14ac:dyDescent="0.2">
      <c r="A57" s="4" t="s">
        <v>137</v>
      </c>
      <c r="B57" s="6" t="s">
        <v>3214</v>
      </c>
      <c r="C57" s="2" t="s">
        <v>3215</v>
      </c>
      <c r="D57" s="2" t="s">
        <v>2471</v>
      </c>
      <c r="E57" s="2" t="s">
        <v>3216</v>
      </c>
      <c r="F57" s="2" t="s">
        <v>3217</v>
      </c>
    </row>
    <row r="58" spans="1:6" x14ac:dyDescent="0.2">
      <c r="A58" s="4" t="s">
        <v>143</v>
      </c>
      <c r="B58" s="6" t="s">
        <v>3218</v>
      </c>
      <c r="C58" s="2" t="s">
        <v>3219</v>
      </c>
      <c r="D58" s="2" t="s">
        <v>49</v>
      </c>
      <c r="E58" s="2" t="s">
        <v>3220</v>
      </c>
      <c r="F58" s="2" t="s">
        <v>2492</v>
      </c>
    </row>
    <row r="59" spans="1:6" x14ac:dyDescent="0.2">
      <c r="A59" s="4" t="s">
        <v>145</v>
      </c>
      <c r="B59" s="6" t="s">
        <v>3221</v>
      </c>
      <c r="C59" s="2" t="s">
        <v>697</v>
      </c>
      <c r="D59" s="2" t="s">
        <v>49</v>
      </c>
      <c r="E59" s="2" t="s">
        <v>697</v>
      </c>
      <c r="F59" s="2" t="s">
        <v>49</v>
      </c>
    </row>
    <row r="60" spans="1:6" x14ac:dyDescent="0.2">
      <c r="A60" s="5" t="s">
        <v>148</v>
      </c>
      <c r="B60" s="7" t="s">
        <v>3222</v>
      </c>
      <c r="C60" s="3" t="s">
        <v>3223</v>
      </c>
      <c r="D60" s="3" t="s">
        <v>2554</v>
      </c>
      <c r="E60" s="3" t="s">
        <v>2433</v>
      </c>
      <c r="F60" s="3" t="s">
        <v>2555</v>
      </c>
    </row>
    <row r="61" spans="1:6" x14ac:dyDescent="0.2">
      <c r="A61" s="4" t="s">
        <v>154</v>
      </c>
      <c r="B61" s="6" t="s">
        <v>3206</v>
      </c>
      <c r="C61" s="2" t="s">
        <v>3224</v>
      </c>
      <c r="D61" s="2" t="s">
        <v>3225</v>
      </c>
      <c r="E61" s="2" t="s">
        <v>2446</v>
      </c>
      <c r="F61" s="2" t="s">
        <v>3226</v>
      </c>
    </row>
    <row r="62" spans="1:6" x14ac:dyDescent="0.2">
      <c r="A62" s="4" t="s">
        <v>156</v>
      </c>
      <c r="B62" s="6" t="s">
        <v>3210</v>
      </c>
      <c r="C62" s="2" t="s">
        <v>2454</v>
      </c>
      <c r="D62" s="2" t="s">
        <v>49</v>
      </c>
      <c r="E62" s="2" t="s">
        <v>2455</v>
      </c>
      <c r="F62" s="2" t="s">
        <v>2456</v>
      </c>
    </row>
    <row r="63" spans="1:6" x14ac:dyDescent="0.2">
      <c r="A63" s="4" t="s">
        <v>162</v>
      </c>
      <c r="B63" s="6" t="s">
        <v>3214</v>
      </c>
      <c r="C63" s="2" t="s">
        <v>3227</v>
      </c>
      <c r="D63" s="2" t="s">
        <v>2477</v>
      </c>
      <c r="E63" s="2" t="s">
        <v>2476</v>
      </c>
      <c r="F63" s="2" t="s">
        <v>2478</v>
      </c>
    </row>
    <row r="64" spans="1:6" x14ac:dyDescent="0.2">
      <c r="A64" s="4" t="s">
        <v>168</v>
      </c>
      <c r="B64" s="6" t="s">
        <v>3218</v>
      </c>
      <c r="C64" s="2" t="s">
        <v>2494</v>
      </c>
      <c r="D64" s="2" t="s">
        <v>2497</v>
      </c>
      <c r="E64" s="2" t="s">
        <v>2496</v>
      </c>
      <c r="F64" s="2" t="s">
        <v>2498</v>
      </c>
    </row>
    <row r="65" spans="1:6" x14ac:dyDescent="0.2">
      <c r="A65" s="4" t="s">
        <v>174</v>
      </c>
      <c r="B65" s="6" t="s">
        <v>3228</v>
      </c>
      <c r="C65" s="2" t="s">
        <v>2514</v>
      </c>
      <c r="D65" s="2" t="s">
        <v>49</v>
      </c>
      <c r="E65" s="2" t="s">
        <v>2515</v>
      </c>
      <c r="F65" s="2" t="s">
        <v>2516</v>
      </c>
    </row>
    <row r="66" spans="1:6" x14ac:dyDescent="0.2">
      <c r="A66" s="5" t="s">
        <v>180</v>
      </c>
      <c r="B66" s="7" t="s">
        <v>1567</v>
      </c>
      <c r="C66" s="3" t="s">
        <v>3229</v>
      </c>
      <c r="D66" s="3" t="s">
        <v>3230</v>
      </c>
      <c r="E66" s="3" t="s">
        <v>3231</v>
      </c>
      <c r="F66" s="3" t="s">
        <v>2556</v>
      </c>
    </row>
    <row r="68" spans="1:6" x14ac:dyDescent="0.2">
      <c r="A68" s="8" t="s">
        <v>6</v>
      </c>
      <c r="B68" s="8" t="s">
        <v>3232</v>
      </c>
      <c r="C68" s="8" t="s">
        <v>3233</v>
      </c>
      <c r="D68" s="8" t="s">
        <v>3234</v>
      </c>
      <c r="E68" s="8" t="s">
        <v>3234</v>
      </c>
    </row>
    <row r="69" spans="1:6" ht="21" x14ac:dyDescent="0.2">
      <c r="A69" s="8" t="s">
        <v>7</v>
      </c>
      <c r="B69" s="8" t="s">
        <v>7</v>
      </c>
      <c r="C69" s="8" t="s">
        <v>7</v>
      </c>
      <c r="D69" s="1" t="s">
        <v>3235</v>
      </c>
      <c r="E69" s="1" t="s">
        <v>3236</v>
      </c>
    </row>
    <row r="70" spans="1:6" x14ac:dyDescent="0.2">
      <c r="A70" s="4" t="s">
        <v>182</v>
      </c>
      <c r="B70" s="6" t="s">
        <v>3237</v>
      </c>
      <c r="C70" s="2" t="s">
        <v>2828</v>
      </c>
      <c r="D70" s="2" t="s">
        <v>3238</v>
      </c>
      <c r="E70" s="2" t="s">
        <v>2830</v>
      </c>
    </row>
    <row r="71" spans="1:6" x14ac:dyDescent="0.2">
      <c r="A71" s="4" t="s">
        <v>188</v>
      </c>
      <c r="B71" s="6" t="s">
        <v>3239</v>
      </c>
      <c r="C71" s="2" t="s">
        <v>2722</v>
      </c>
      <c r="D71" s="2" t="s">
        <v>3240</v>
      </c>
      <c r="E71" s="2" t="s">
        <v>2751</v>
      </c>
    </row>
    <row r="72" spans="1:6" x14ac:dyDescent="0.2">
      <c r="A72" s="4" t="s">
        <v>194</v>
      </c>
      <c r="B72" s="6" t="s">
        <v>3241</v>
      </c>
      <c r="C72" s="2" t="s">
        <v>49</v>
      </c>
      <c r="D72" s="2" t="s">
        <v>3240</v>
      </c>
      <c r="E72" s="2" t="s">
        <v>49</v>
      </c>
    </row>
    <row r="73" spans="1:6" x14ac:dyDescent="0.2">
      <c r="A73" s="4" t="s">
        <v>196</v>
      </c>
      <c r="B73" s="6" t="s">
        <v>3242</v>
      </c>
      <c r="C73" s="2" t="s">
        <v>49</v>
      </c>
      <c r="D73" s="2" t="s">
        <v>49</v>
      </c>
      <c r="E73" s="2" t="s">
        <v>49</v>
      </c>
    </row>
    <row r="75" spans="1:6" x14ac:dyDescent="0.2">
      <c r="A75" s="8" t="s">
        <v>6</v>
      </c>
      <c r="B75" s="8" t="s">
        <v>3243</v>
      </c>
      <c r="C75" s="8" t="s">
        <v>3233</v>
      </c>
      <c r="D75" s="8" t="s">
        <v>3244</v>
      </c>
    </row>
    <row r="76" spans="1:6" x14ac:dyDescent="0.2">
      <c r="A76" s="8" t="s">
        <v>7</v>
      </c>
      <c r="B76" s="8" t="s">
        <v>7</v>
      </c>
      <c r="C76" s="8" t="s">
        <v>7</v>
      </c>
      <c r="D76" s="8" t="s">
        <v>7</v>
      </c>
    </row>
    <row r="77" spans="1:6" x14ac:dyDescent="0.2">
      <c r="A77" s="4" t="s">
        <v>198</v>
      </c>
      <c r="B77" s="6" t="s">
        <v>3245</v>
      </c>
      <c r="C77" s="2" t="s">
        <v>49</v>
      </c>
      <c r="D77" s="2" t="s">
        <v>49</v>
      </c>
    </row>
    <row r="78" spans="1:6" x14ac:dyDescent="0.2">
      <c r="A78" s="4" t="s">
        <v>200</v>
      </c>
      <c r="B78" s="6" t="s">
        <v>3246</v>
      </c>
      <c r="C78" s="2" t="s">
        <v>49</v>
      </c>
      <c r="D78" s="2" t="s">
        <v>49</v>
      </c>
    </row>
    <row r="80" spans="1:6" x14ac:dyDescent="0.2">
      <c r="A80" s="8" t="s">
        <v>6</v>
      </c>
      <c r="B80" s="8" t="s">
        <v>3247</v>
      </c>
      <c r="C80" s="8" t="s">
        <v>3248</v>
      </c>
      <c r="D80" s="8" t="s">
        <v>3249</v>
      </c>
      <c r="E80" s="8" t="s">
        <v>3250</v>
      </c>
      <c r="F80" s="8" t="s">
        <v>3251</v>
      </c>
    </row>
    <row r="81" spans="1:6" x14ac:dyDescent="0.2">
      <c r="A81" s="8" t="s">
        <v>7</v>
      </c>
      <c r="B81" s="8" t="s">
        <v>7</v>
      </c>
      <c r="C81" s="8" t="s">
        <v>7</v>
      </c>
      <c r="D81" s="8" t="s">
        <v>7</v>
      </c>
      <c r="E81" s="8" t="s">
        <v>7</v>
      </c>
      <c r="F81" s="8" t="s">
        <v>7</v>
      </c>
    </row>
    <row r="82" spans="1:6" x14ac:dyDescent="0.2">
      <c r="A82" s="4" t="s">
        <v>206</v>
      </c>
      <c r="B82" s="6" t="s">
        <v>3182</v>
      </c>
      <c r="C82" s="2" t="s">
        <v>49</v>
      </c>
      <c r="D82" s="2" t="s">
        <v>49</v>
      </c>
      <c r="E82" s="2" t="s">
        <v>49</v>
      </c>
      <c r="F82" s="2" t="s">
        <v>49</v>
      </c>
    </row>
    <row r="83" spans="1:6" x14ac:dyDescent="0.2">
      <c r="A83" s="4" t="s">
        <v>212</v>
      </c>
      <c r="B83" s="6" t="s">
        <v>3252</v>
      </c>
      <c r="C83" s="2" t="s">
        <v>49</v>
      </c>
      <c r="D83" s="2" t="s">
        <v>49</v>
      </c>
      <c r="E83" s="2" t="s">
        <v>49</v>
      </c>
      <c r="F83" s="2" t="s">
        <v>49</v>
      </c>
    </row>
    <row r="84" spans="1:6" x14ac:dyDescent="0.2">
      <c r="A84" s="4" t="s">
        <v>218</v>
      </c>
      <c r="B84" s="6" t="s">
        <v>3253</v>
      </c>
      <c r="C84" s="2" t="s">
        <v>49</v>
      </c>
      <c r="D84" s="2" t="s">
        <v>49</v>
      </c>
      <c r="E84" s="2" t="s">
        <v>49</v>
      </c>
      <c r="F84" s="2" t="s">
        <v>49</v>
      </c>
    </row>
    <row r="85" spans="1:6" x14ac:dyDescent="0.2">
      <c r="A85" s="5" t="s">
        <v>224</v>
      </c>
      <c r="B85" s="7" t="s">
        <v>3185</v>
      </c>
      <c r="C85" s="3" t="s">
        <v>49</v>
      </c>
      <c r="D85" s="3" t="s">
        <v>49</v>
      </c>
      <c r="E85" s="3" t="s">
        <v>49</v>
      </c>
      <c r="F85" s="3" t="s">
        <v>49</v>
      </c>
    </row>
    <row r="86" spans="1:6" x14ac:dyDescent="0.2">
      <c r="A86" s="4" t="s">
        <v>230</v>
      </c>
      <c r="B86" s="6" t="s">
        <v>3186</v>
      </c>
      <c r="C86" s="2" t="s">
        <v>49</v>
      </c>
      <c r="D86" s="2" t="s">
        <v>49</v>
      </c>
      <c r="E86" s="2" t="s">
        <v>49</v>
      </c>
      <c r="F86" s="2" t="s">
        <v>49</v>
      </c>
    </row>
    <row r="87" spans="1:6" x14ac:dyDescent="0.2">
      <c r="A87" s="4" t="s">
        <v>235</v>
      </c>
      <c r="B87" s="6" t="s">
        <v>3254</v>
      </c>
      <c r="C87" s="2" t="s">
        <v>49</v>
      </c>
      <c r="D87" s="2" t="s">
        <v>49</v>
      </c>
      <c r="E87" s="2" t="s">
        <v>49</v>
      </c>
      <c r="F87" s="2" t="s">
        <v>49</v>
      </c>
    </row>
    <row r="88" spans="1:6" x14ac:dyDescent="0.2">
      <c r="A88" s="4" t="s">
        <v>240</v>
      </c>
      <c r="B88" s="6" t="s">
        <v>3255</v>
      </c>
      <c r="C88" s="2" t="s">
        <v>49</v>
      </c>
      <c r="D88" s="2" t="s">
        <v>49</v>
      </c>
      <c r="E88" s="2" t="s">
        <v>49</v>
      </c>
      <c r="F88" s="2" t="s">
        <v>49</v>
      </c>
    </row>
    <row r="89" spans="1:6" x14ac:dyDescent="0.2">
      <c r="A89" s="5" t="s">
        <v>241</v>
      </c>
      <c r="B89" s="7" t="s">
        <v>3189</v>
      </c>
      <c r="C89" s="3" t="s">
        <v>49</v>
      </c>
      <c r="D89" s="3" t="s">
        <v>49</v>
      </c>
      <c r="E89" s="3" t="s">
        <v>49</v>
      </c>
      <c r="F89" s="3" t="s">
        <v>49</v>
      </c>
    </row>
    <row r="91" spans="1:6" x14ac:dyDescent="0.2">
      <c r="A91" s="8" t="s">
        <v>6</v>
      </c>
      <c r="B91" s="8" t="s">
        <v>3256</v>
      </c>
      <c r="C91" s="8" t="s">
        <v>3233</v>
      </c>
      <c r="D91" s="8" t="s">
        <v>3257</v>
      </c>
    </row>
    <row r="92" spans="1:6" x14ac:dyDescent="0.2">
      <c r="A92" s="8" t="s">
        <v>7</v>
      </c>
      <c r="B92" s="8" t="s">
        <v>7</v>
      </c>
      <c r="C92" s="8" t="s">
        <v>7</v>
      </c>
      <c r="D92" s="8" t="s">
        <v>7</v>
      </c>
    </row>
    <row r="93" spans="1:6" x14ac:dyDescent="0.2">
      <c r="A93" s="4" t="s">
        <v>242</v>
      </c>
      <c r="B93" s="6" t="s">
        <v>3258</v>
      </c>
      <c r="C93" s="2" t="s">
        <v>49</v>
      </c>
      <c r="D93" s="2" t="s">
        <v>49</v>
      </c>
    </row>
    <row r="94" spans="1:6" x14ac:dyDescent="0.2">
      <c r="A94" s="4" t="s">
        <v>244</v>
      </c>
      <c r="B94" s="6" t="s">
        <v>3259</v>
      </c>
      <c r="C94" s="2" t="s">
        <v>49</v>
      </c>
      <c r="D94" s="2" t="s">
        <v>49</v>
      </c>
    </row>
    <row r="96" spans="1:6" x14ac:dyDescent="0.2">
      <c r="A96" s="8" t="s">
        <v>6</v>
      </c>
      <c r="B96" s="8" t="s">
        <v>3260</v>
      </c>
      <c r="C96" s="8" t="s">
        <v>3233</v>
      </c>
      <c r="D96" s="8" t="s">
        <v>3261</v>
      </c>
      <c r="E96" s="8" t="s">
        <v>3261</v>
      </c>
    </row>
    <row r="97" spans="1:5" ht="21" x14ac:dyDescent="0.2">
      <c r="A97" s="8" t="s">
        <v>7</v>
      </c>
      <c r="B97" s="8" t="s">
        <v>7</v>
      </c>
      <c r="C97" s="8" t="s">
        <v>7</v>
      </c>
      <c r="D97" s="1" t="s">
        <v>3235</v>
      </c>
      <c r="E97" s="1" t="s">
        <v>3236</v>
      </c>
    </row>
    <row r="98" spans="1:5" x14ac:dyDescent="0.2">
      <c r="A98" s="4" t="s">
        <v>249</v>
      </c>
      <c r="B98" s="6" t="s">
        <v>3262</v>
      </c>
      <c r="C98" s="2" t="s">
        <v>3051</v>
      </c>
      <c r="D98" s="2" t="s">
        <v>3263</v>
      </c>
      <c r="E98" s="2" t="s">
        <v>3264</v>
      </c>
    </row>
    <row r="100" spans="1:5" x14ac:dyDescent="0.2">
      <c r="A100" s="8" t="s">
        <v>6</v>
      </c>
      <c r="B100" s="8" t="s">
        <v>3265</v>
      </c>
      <c r="C100" s="8" t="s">
        <v>3266</v>
      </c>
    </row>
    <row r="101" spans="1:5" x14ac:dyDescent="0.2">
      <c r="A101" s="8" t="s">
        <v>7</v>
      </c>
      <c r="B101" s="8" t="s">
        <v>7</v>
      </c>
      <c r="C101" s="8" t="s">
        <v>7</v>
      </c>
    </row>
    <row r="102" spans="1:5" x14ac:dyDescent="0.2">
      <c r="A102" s="4" t="s">
        <v>250</v>
      </c>
      <c r="B102" s="6" t="s">
        <v>3267</v>
      </c>
      <c r="C102" s="2" t="s">
        <v>49</v>
      </c>
    </row>
  </sheetData>
  <mergeCells count="54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A27:A28"/>
    <mergeCell ref="B27:B28"/>
    <mergeCell ref="C27:C28"/>
    <mergeCell ref="A32:A33"/>
    <mergeCell ref="B32:B33"/>
    <mergeCell ref="C32:C33"/>
    <mergeCell ref="A36:A37"/>
    <mergeCell ref="B36:B37"/>
    <mergeCell ref="C36:C37"/>
    <mergeCell ref="A47:A48"/>
    <mergeCell ref="B47:B48"/>
    <mergeCell ref="C47:C48"/>
    <mergeCell ref="D47:D48"/>
    <mergeCell ref="E47:E48"/>
    <mergeCell ref="A52:A53"/>
    <mergeCell ref="B52:B53"/>
    <mergeCell ref="C52:C53"/>
    <mergeCell ref="D52:D53"/>
    <mergeCell ref="E52:E53"/>
    <mergeCell ref="F80:F81"/>
    <mergeCell ref="F52:F53"/>
    <mergeCell ref="A68:A69"/>
    <mergeCell ref="B68:B69"/>
    <mergeCell ref="C68:C69"/>
    <mergeCell ref="D68:E68"/>
    <mergeCell ref="A75:A76"/>
    <mergeCell ref="B75:B76"/>
    <mergeCell ref="C75:C76"/>
    <mergeCell ref="D75:D76"/>
    <mergeCell ref="D91:D92"/>
    <mergeCell ref="A96:A97"/>
    <mergeCell ref="B96:B97"/>
    <mergeCell ref="C96:C97"/>
    <mergeCell ref="D96:E96"/>
    <mergeCell ref="A80:A81"/>
    <mergeCell ref="B80:B81"/>
    <mergeCell ref="C80:C81"/>
    <mergeCell ref="D80:D81"/>
    <mergeCell ref="E80:E81"/>
    <mergeCell ref="A100:A101"/>
    <mergeCell ref="B100:B101"/>
    <mergeCell ref="C100:C101"/>
    <mergeCell ref="A91:A92"/>
    <mergeCell ref="B91:B92"/>
    <mergeCell ref="C91:C92"/>
  </mergeCells>
  <pageMargins left="0.78740157499999996" right="0.78740157499999996" top="0.984251969" bottom="0.984251969" header="0.5" footer="0.5"/>
  <pageSetup orientation="portrait" horizontalDpi="300" verticalDpi="300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94"/>
  <sheetViews>
    <sheetView showGridLines="0" workbookViewId="0">
      <selection activeCell="A5" sqref="A5:L5"/>
    </sheetView>
  </sheetViews>
  <sheetFormatPr defaultRowHeight="12.75" x14ac:dyDescent="0.2"/>
  <cols>
    <col min="1" max="1" width="4.42578125" bestFit="1" customWidth="1"/>
    <col min="2" max="2" width="59.28515625" bestFit="1" customWidth="1"/>
    <col min="3" max="3" width="18.42578125" bestFit="1" customWidth="1"/>
    <col min="4" max="4" width="22.85546875" bestFit="1" customWidth="1"/>
    <col min="5" max="6" width="17.28515625" bestFit="1" customWidth="1"/>
    <col min="7" max="7" width="8.42578125" bestFit="1" customWidth="1"/>
    <col min="8" max="10" width="17.28515625" bestFit="1" customWidth="1"/>
    <col min="11" max="11" width="8.42578125" bestFit="1" customWidth="1"/>
    <col min="12" max="12" width="18.42578125" bestFit="1" customWidth="1"/>
  </cols>
  <sheetData>
    <row r="3" spans="1:12" x14ac:dyDescent="0.2">
      <c r="A3" s="9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</row>
    <row r="4" spans="1:12" x14ac:dyDescent="0.2">
      <c r="A4" s="9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</row>
    <row r="5" spans="1:12" x14ac:dyDescent="0.2">
      <c r="A5" s="9" t="s">
        <v>616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</row>
    <row r="6" spans="1:12" x14ac:dyDescent="0.2">
      <c r="A6" s="9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</row>
    <row r="7" spans="1:12" x14ac:dyDescent="0.2">
      <c r="A7" s="9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</row>
    <row r="9" spans="1:12" x14ac:dyDescent="0.2">
      <c r="A9" s="11" t="s">
        <v>617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</row>
    <row r="10" spans="1:12" x14ac:dyDescent="0.2">
      <c r="A10" s="8" t="s">
        <v>6</v>
      </c>
      <c r="B10" s="8" t="s">
        <v>618</v>
      </c>
      <c r="C10" s="8" t="s">
        <v>619</v>
      </c>
      <c r="D10" s="8" t="s">
        <v>620</v>
      </c>
      <c r="E10" s="8" t="s">
        <v>307</v>
      </c>
      <c r="F10" s="8" t="s">
        <v>7</v>
      </c>
      <c r="G10" s="8" t="s">
        <v>7</v>
      </c>
      <c r="H10" s="8" t="s">
        <v>623</v>
      </c>
      <c r="I10" s="8" t="s">
        <v>311</v>
      </c>
      <c r="J10" s="8" t="s">
        <v>7</v>
      </c>
      <c r="K10" s="8" t="s">
        <v>7</v>
      </c>
      <c r="L10" s="8" t="s">
        <v>626</v>
      </c>
    </row>
    <row r="11" spans="1:12" ht="31.5" x14ac:dyDescent="0.2">
      <c r="A11" s="8" t="s">
        <v>7</v>
      </c>
      <c r="B11" s="8" t="s">
        <v>7</v>
      </c>
      <c r="C11" s="8" t="s">
        <v>7</v>
      </c>
      <c r="D11" s="8" t="s">
        <v>7</v>
      </c>
      <c r="E11" s="1" t="s">
        <v>308</v>
      </c>
      <c r="F11" s="1" t="s">
        <v>621</v>
      </c>
      <c r="G11" s="1" t="s">
        <v>622</v>
      </c>
      <c r="H11" s="8" t="s">
        <v>7</v>
      </c>
      <c r="I11" s="1" t="s">
        <v>308</v>
      </c>
      <c r="J11" s="1" t="s">
        <v>624</v>
      </c>
      <c r="K11" s="1" t="s">
        <v>625</v>
      </c>
      <c r="L11" s="8" t="s">
        <v>7</v>
      </c>
    </row>
    <row r="12" spans="1:12" x14ac:dyDescent="0.2">
      <c r="A12" s="5" t="s">
        <v>17</v>
      </c>
      <c r="B12" s="7" t="s">
        <v>627</v>
      </c>
      <c r="C12" s="3" t="s">
        <v>317</v>
      </c>
      <c r="D12" s="3" t="s">
        <v>318</v>
      </c>
      <c r="E12" s="3" t="s">
        <v>319</v>
      </c>
      <c r="F12" s="3" t="s">
        <v>319</v>
      </c>
      <c r="G12" s="3" t="s">
        <v>628</v>
      </c>
      <c r="H12" s="3" t="s">
        <v>320</v>
      </c>
      <c r="I12" s="3" t="s">
        <v>321</v>
      </c>
      <c r="J12" s="3" t="s">
        <v>321</v>
      </c>
      <c r="K12" s="3" t="s">
        <v>629</v>
      </c>
      <c r="L12" s="3" t="s">
        <v>322</v>
      </c>
    </row>
    <row r="13" spans="1:12" x14ac:dyDescent="0.2">
      <c r="A13" s="5" t="s">
        <v>23</v>
      </c>
      <c r="B13" s="7" t="s">
        <v>630</v>
      </c>
      <c r="C13" s="3" t="s">
        <v>631</v>
      </c>
      <c r="D13" s="3" t="s">
        <v>632</v>
      </c>
      <c r="E13" s="3" t="s">
        <v>633</v>
      </c>
      <c r="F13" s="3" t="s">
        <v>633</v>
      </c>
      <c r="G13" s="3" t="s">
        <v>634</v>
      </c>
      <c r="H13" s="3" t="s">
        <v>635</v>
      </c>
      <c r="I13" s="3" t="s">
        <v>636</v>
      </c>
      <c r="J13" s="3" t="s">
        <v>636</v>
      </c>
      <c r="K13" s="3" t="s">
        <v>637</v>
      </c>
      <c r="L13" s="3" t="s">
        <v>638</v>
      </c>
    </row>
    <row r="14" spans="1:12" x14ac:dyDescent="0.2">
      <c r="A14" s="4" t="s">
        <v>29</v>
      </c>
      <c r="B14" s="6" t="s">
        <v>639</v>
      </c>
      <c r="C14" s="2" t="s">
        <v>640</v>
      </c>
      <c r="D14" s="2" t="s">
        <v>641</v>
      </c>
      <c r="E14" s="2" t="s">
        <v>642</v>
      </c>
      <c r="F14" s="2" t="s">
        <v>642</v>
      </c>
      <c r="G14" s="2" t="s">
        <v>643</v>
      </c>
      <c r="H14" s="2" t="s">
        <v>644</v>
      </c>
      <c r="I14" s="2" t="s">
        <v>645</v>
      </c>
      <c r="J14" s="2" t="s">
        <v>645</v>
      </c>
      <c r="K14" s="2" t="s">
        <v>646</v>
      </c>
      <c r="L14" s="2" t="s">
        <v>647</v>
      </c>
    </row>
    <row r="15" spans="1:12" x14ac:dyDescent="0.2">
      <c r="A15" s="4" t="s">
        <v>35</v>
      </c>
      <c r="B15" s="6" t="s">
        <v>648</v>
      </c>
      <c r="C15" s="2" t="s">
        <v>649</v>
      </c>
      <c r="D15" s="2" t="s">
        <v>649</v>
      </c>
      <c r="E15" s="2" t="s">
        <v>650</v>
      </c>
      <c r="F15" s="2" t="s">
        <v>650</v>
      </c>
      <c r="G15" s="2" t="s">
        <v>651</v>
      </c>
      <c r="H15" s="2" t="s">
        <v>652</v>
      </c>
      <c r="I15" s="2" t="s">
        <v>653</v>
      </c>
      <c r="J15" s="2" t="s">
        <v>653</v>
      </c>
      <c r="K15" s="2" t="s">
        <v>654</v>
      </c>
      <c r="L15" s="2" t="s">
        <v>655</v>
      </c>
    </row>
    <row r="16" spans="1:12" x14ac:dyDescent="0.2">
      <c r="A16" s="5" t="s">
        <v>41</v>
      </c>
      <c r="B16" s="7" t="s">
        <v>656</v>
      </c>
      <c r="C16" s="3" t="s">
        <v>657</v>
      </c>
      <c r="D16" s="3" t="s">
        <v>658</v>
      </c>
      <c r="E16" s="3" t="s">
        <v>659</v>
      </c>
      <c r="F16" s="3" t="s">
        <v>659</v>
      </c>
      <c r="G16" s="3" t="s">
        <v>660</v>
      </c>
      <c r="H16" s="3" t="s">
        <v>661</v>
      </c>
      <c r="I16" s="3" t="s">
        <v>662</v>
      </c>
      <c r="J16" s="3" t="s">
        <v>662</v>
      </c>
      <c r="K16" s="3" t="s">
        <v>663</v>
      </c>
      <c r="L16" s="3" t="s">
        <v>664</v>
      </c>
    </row>
    <row r="17" spans="1:12" x14ac:dyDescent="0.2">
      <c r="A17" s="4" t="s">
        <v>47</v>
      </c>
      <c r="B17" s="6" t="s">
        <v>665</v>
      </c>
      <c r="C17" s="2" t="s">
        <v>657</v>
      </c>
      <c r="D17" s="2" t="s">
        <v>658</v>
      </c>
      <c r="E17" s="2" t="s">
        <v>659</v>
      </c>
      <c r="F17" s="2" t="s">
        <v>659</v>
      </c>
      <c r="G17" s="2" t="s">
        <v>660</v>
      </c>
      <c r="H17" s="2" t="s">
        <v>661</v>
      </c>
      <c r="I17" s="2" t="s">
        <v>662</v>
      </c>
      <c r="J17" s="2" t="s">
        <v>662</v>
      </c>
      <c r="K17" s="2" t="s">
        <v>663</v>
      </c>
      <c r="L17" s="2" t="s">
        <v>664</v>
      </c>
    </row>
    <row r="18" spans="1:12" x14ac:dyDescent="0.2">
      <c r="A18" s="4" t="s">
        <v>50</v>
      </c>
      <c r="B18" s="6" t="s">
        <v>666</v>
      </c>
      <c r="C18" s="2" t="s">
        <v>49</v>
      </c>
      <c r="D18" s="2" t="s">
        <v>49</v>
      </c>
      <c r="E18" s="2" t="s">
        <v>49</v>
      </c>
      <c r="F18" s="2" t="s">
        <v>49</v>
      </c>
      <c r="G18" s="2" t="s">
        <v>49</v>
      </c>
      <c r="H18" s="2" t="s">
        <v>49</v>
      </c>
      <c r="I18" s="2" t="s">
        <v>49</v>
      </c>
      <c r="J18" s="2" t="s">
        <v>49</v>
      </c>
      <c r="K18" s="2" t="s">
        <v>49</v>
      </c>
      <c r="L18" s="2" t="s">
        <v>49</v>
      </c>
    </row>
    <row r="19" spans="1:12" x14ac:dyDescent="0.2">
      <c r="A19" s="4" t="s">
        <v>56</v>
      </c>
      <c r="B19" s="6" t="s">
        <v>667</v>
      </c>
      <c r="C19" s="2" t="s">
        <v>49</v>
      </c>
      <c r="D19" s="2" t="s">
        <v>49</v>
      </c>
      <c r="E19" s="2" t="s">
        <v>49</v>
      </c>
      <c r="F19" s="2" t="s">
        <v>49</v>
      </c>
      <c r="G19" s="2" t="s">
        <v>49</v>
      </c>
      <c r="H19" s="2" t="s">
        <v>49</v>
      </c>
      <c r="I19" s="2" t="s">
        <v>49</v>
      </c>
      <c r="J19" s="2" t="s">
        <v>49</v>
      </c>
      <c r="K19" s="2" t="s">
        <v>49</v>
      </c>
      <c r="L19" s="2" t="s">
        <v>49</v>
      </c>
    </row>
    <row r="20" spans="1:12" x14ac:dyDescent="0.2">
      <c r="A20" s="5" t="s">
        <v>58</v>
      </c>
      <c r="B20" s="7" t="s">
        <v>668</v>
      </c>
      <c r="C20" s="3" t="s">
        <v>669</v>
      </c>
      <c r="D20" s="3" t="s">
        <v>670</v>
      </c>
      <c r="E20" s="3" t="s">
        <v>671</v>
      </c>
      <c r="F20" s="3" t="s">
        <v>671</v>
      </c>
      <c r="G20" s="3" t="s">
        <v>672</v>
      </c>
      <c r="H20" s="3" t="s">
        <v>673</v>
      </c>
      <c r="I20" s="3" t="s">
        <v>674</v>
      </c>
      <c r="J20" s="3" t="s">
        <v>674</v>
      </c>
      <c r="K20" s="3" t="s">
        <v>675</v>
      </c>
      <c r="L20" s="3" t="s">
        <v>676</v>
      </c>
    </row>
    <row r="21" spans="1:12" x14ac:dyDescent="0.2">
      <c r="A21" s="4" t="s">
        <v>60</v>
      </c>
      <c r="B21" s="6" t="s">
        <v>677</v>
      </c>
      <c r="C21" s="2" t="s">
        <v>678</v>
      </c>
      <c r="D21" s="2" t="s">
        <v>678</v>
      </c>
      <c r="E21" s="2" t="s">
        <v>679</v>
      </c>
      <c r="F21" s="2" t="s">
        <v>679</v>
      </c>
      <c r="G21" s="2" t="s">
        <v>680</v>
      </c>
      <c r="H21" s="2" t="s">
        <v>681</v>
      </c>
      <c r="I21" s="2" t="s">
        <v>682</v>
      </c>
      <c r="J21" s="2" t="s">
        <v>682</v>
      </c>
      <c r="K21" s="2" t="s">
        <v>672</v>
      </c>
      <c r="L21" s="2" t="s">
        <v>683</v>
      </c>
    </row>
    <row r="22" spans="1:12" x14ac:dyDescent="0.2">
      <c r="A22" s="4" t="s">
        <v>62</v>
      </c>
      <c r="B22" s="6" t="s">
        <v>684</v>
      </c>
      <c r="C22" s="2" t="s">
        <v>685</v>
      </c>
      <c r="D22" s="2" t="s">
        <v>686</v>
      </c>
      <c r="E22" s="2" t="s">
        <v>687</v>
      </c>
      <c r="F22" s="2" t="s">
        <v>687</v>
      </c>
      <c r="G22" s="2" t="s">
        <v>688</v>
      </c>
      <c r="H22" s="2" t="s">
        <v>689</v>
      </c>
      <c r="I22" s="2" t="s">
        <v>690</v>
      </c>
      <c r="J22" s="2" t="s">
        <v>690</v>
      </c>
      <c r="K22" s="2" t="s">
        <v>691</v>
      </c>
      <c r="L22" s="2" t="s">
        <v>692</v>
      </c>
    </row>
    <row r="23" spans="1:12" x14ac:dyDescent="0.2">
      <c r="A23" s="4" t="s">
        <v>68</v>
      </c>
      <c r="B23" s="6" t="s">
        <v>693</v>
      </c>
      <c r="C23" s="2" t="s">
        <v>694</v>
      </c>
      <c r="D23" s="2" t="s">
        <v>694</v>
      </c>
      <c r="E23" s="2" t="s">
        <v>695</v>
      </c>
      <c r="F23" s="2" t="s">
        <v>695</v>
      </c>
      <c r="G23" s="2" t="s">
        <v>49</v>
      </c>
      <c r="H23" s="2" t="s">
        <v>696</v>
      </c>
      <c r="I23" s="2" t="s">
        <v>697</v>
      </c>
      <c r="J23" s="2" t="s">
        <v>697</v>
      </c>
      <c r="K23" s="2" t="s">
        <v>49</v>
      </c>
      <c r="L23" s="2" t="s">
        <v>698</v>
      </c>
    </row>
    <row r="24" spans="1:12" x14ac:dyDescent="0.2">
      <c r="A24" s="4" t="s">
        <v>74</v>
      </c>
      <c r="B24" s="6" t="s">
        <v>667</v>
      </c>
      <c r="C24" s="2" t="s">
        <v>699</v>
      </c>
      <c r="D24" s="2" t="s">
        <v>700</v>
      </c>
      <c r="E24" s="2" t="s">
        <v>701</v>
      </c>
      <c r="F24" s="2" t="s">
        <v>701</v>
      </c>
      <c r="G24" s="2" t="s">
        <v>702</v>
      </c>
      <c r="H24" s="2" t="s">
        <v>703</v>
      </c>
      <c r="I24" s="2" t="s">
        <v>704</v>
      </c>
      <c r="J24" s="2" t="s">
        <v>704</v>
      </c>
      <c r="K24" s="2" t="s">
        <v>705</v>
      </c>
      <c r="L24" s="2" t="s">
        <v>706</v>
      </c>
    </row>
    <row r="25" spans="1:12" x14ac:dyDescent="0.2">
      <c r="A25" s="4" t="s">
        <v>80</v>
      </c>
      <c r="B25" s="6" t="s">
        <v>707</v>
      </c>
      <c r="C25" s="2" t="s">
        <v>708</v>
      </c>
      <c r="D25" s="2" t="s">
        <v>708</v>
      </c>
      <c r="E25" s="2" t="s">
        <v>709</v>
      </c>
      <c r="F25" s="2" t="s">
        <v>709</v>
      </c>
      <c r="G25" s="2" t="s">
        <v>710</v>
      </c>
      <c r="H25" s="2" t="s">
        <v>711</v>
      </c>
      <c r="I25" s="2" t="s">
        <v>712</v>
      </c>
      <c r="J25" s="2" t="s">
        <v>712</v>
      </c>
      <c r="K25" s="2" t="s">
        <v>713</v>
      </c>
      <c r="L25" s="2" t="s">
        <v>714</v>
      </c>
    </row>
    <row r="26" spans="1:12" x14ac:dyDescent="0.2">
      <c r="A26" s="5" t="s">
        <v>86</v>
      </c>
      <c r="B26" s="7" t="s">
        <v>715</v>
      </c>
      <c r="C26" s="3" t="s">
        <v>716</v>
      </c>
      <c r="D26" s="3" t="s">
        <v>717</v>
      </c>
      <c r="E26" s="3" t="s">
        <v>718</v>
      </c>
      <c r="F26" s="3" t="s">
        <v>718</v>
      </c>
      <c r="G26" s="3" t="s">
        <v>719</v>
      </c>
      <c r="H26" s="3" t="s">
        <v>720</v>
      </c>
      <c r="I26" s="3" t="s">
        <v>721</v>
      </c>
      <c r="J26" s="3" t="s">
        <v>721</v>
      </c>
      <c r="K26" s="3" t="s">
        <v>722</v>
      </c>
      <c r="L26" s="3" t="s">
        <v>723</v>
      </c>
    </row>
    <row r="27" spans="1:12" x14ac:dyDescent="0.2">
      <c r="A27" s="4" t="s">
        <v>92</v>
      </c>
      <c r="B27" s="6" t="s">
        <v>693</v>
      </c>
      <c r="C27" s="2" t="s">
        <v>724</v>
      </c>
      <c r="D27" s="2" t="s">
        <v>725</v>
      </c>
      <c r="E27" s="2" t="s">
        <v>726</v>
      </c>
      <c r="F27" s="2" t="s">
        <v>726</v>
      </c>
      <c r="G27" s="2" t="s">
        <v>672</v>
      </c>
      <c r="H27" s="2" t="s">
        <v>727</v>
      </c>
      <c r="I27" s="2" t="s">
        <v>728</v>
      </c>
      <c r="J27" s="2" t="s">
        <v>728</v>
      </c>
      <c r="K27" s="2" t="s">
        <v>729</v>
      </c>
      <c r="L27" s="2" t="s">
        <v>730</v>
      </c>
    </row>
    <row r="28" spans="1:12" x14ac:dyDescent="0.2">
      <c r="A28" s="4" t="s">
        <v>94</v>
      </c>
      <c r="B28" s="6" t="s">
        <v>731</v>
      </c>
      <c r="C28" s="2" t="s">
        <v>732</v>
      </c>
      <c r="D28" s="2" t="s">
        <v>733</v>
      </c>
      <c r="E28" s="2" t="s">
        <v>734</v>
      </c>
      <c r="F28" s="2" t="s">
        <v>734</v>
      </c>
      <c r="G28" s="2" t="s">
        <v>735</v>
      </c>
      <c r="H28" s="2" t="s">
        <v>736</v>
      </c>
      <c r="I28" s="2" t="s">
        <v>737</v>
      </c>
      <c r="J28" s="2" t="s">
        <v>737</v>
      </c>
      <c r="K28" s="2" t="s">
        <v>738</v>
      </c>
      <c r="L28" s="2" t="s">
        <v>739</v>
      </c>
    </row>
    <row r="29" spans="1:12" x14ac:dyDescent="0.2">
      <c r="A29" s="4" t="s">
        <v>100</v>
      </c>
      <c r="B29" s="6" t="s">
        <v>740</v>
      </c>
      <c r="C29" s="2" t="s">
        <v>741</v>
      </c>
      <c r="D29" s="2" t="s">
        <v>741</v>
      </c>
      <c r="E29" s="2" t="s">
        <v>49</v>
      </c>
      <c r="F29" s="2" t="s">
        <v>49</v>
      </c>
      <c r="G29" s="2" t="s">
        <v>49</v>
      </c>
      <c r="H29" s="2" t="s">
        <v>741</v>
      </c>
      <c r="I29" s="2" t="s">
        <v>49</v>
      </c>
      <c r="J29" s="2" t="s">
        <v>49</v>
      </c>
      <c r="K29" s="2" t="s">
        <v>49</v>
      </c>
      <c r="L29" s="2" t="s">
        <v>741</v>
      </c>
    </row>
    <row r="30" spans="1:12" x14ac:dyDescent="0.2">
      <c r="A30" s="4" t="s">
        <v>102</v>
      </c>
      <c r="B30" s="6" t="s">
        <v>742</v>
      </c>
      <c r="C30" s="2" t="s">
        <v>743</v>
      </c>
      <c r="D30" s="2" t="s">
        <v>744</v>
      </c>
      <c r="E30" s="2" t="s">
        <v>745</v>
      </c>
      <c r="F30" s="2" t="s">
        <v>745</v>
      </c>
      <c r="G30" s="2" t="s">
        <v>49</v>
      </c>
      <c r="H30" s="2" t="s">
        <v>746</v>
      </c>
      <c r="I30" s="2" t="s">
        <v>747</v>
      </c>
      <c r="J30" s="2" t="s">
        <v>747</v>
      </c>
      <c r="K30" s="2" t="s">
        <v>49</v>
      </c>
      <c r="L30" s="2" t="s">
        <v>748</v>
      </c>
    </row>
    <row r="31" spans="1:12" x14ac:dyDescent="0.2">
      <c r="A31" s="5" t="s">
        <v>104</v>
      </c>
      <c r="B31" s="7" t="s">
        <v>749</v>
      </c>
      <c r="C31" s="3" t="s">
        <v>750</v>
      </c>
      <c r="D31" s="3" t="s">
        <v>751</v>
      </c>
      <c r="E31" s="3" t="s">
        <v>752</v>
      </c>
      <c r="F31" s="3" t="s">
        <v>752</v>
      </c>
      <c r="G31" s="3" t="s">
        <v>753</v>
      </c>
      <c r="H31" s="3" t="s">
        <v>754</v>
      </c>
      <c r="I31" s="3" t="s">
        <v>755</v>
      </c>
      <c r="J31" s="3" t="s">
        <v>755</v>
      </c>
      <c r="K31" s="3" t="s">
        <v>756</v>
      </c>
      <c r="L31" s="3" t="s">
        <v>757</v>
      </c>
    </row>
    <row r="32" spans="1:12" x14ac:dyDescent="0.2">
      <c r="A32" s="4" t="s">
        <v>106</v>
      </c>
      <c r="B32" s="6" t="s">
        <v>758</v>
      </c>
      <c r="C32" s="2" t="s">
        <v>759</v>
      </c>
      <c r="D32" s="2" t="s">
        <v>760</v>
      </c>
      <c r="E32" s="2" t="s">
        <v>761</v>
      </c>
      <c r="F32" s="2" t="s">
        <v>761</v>
      </c>
      <c r="G32" s="2" t="s">
        <v>762</v>
      </c>
      <c r="H32" s="2" t="s">
        <v>763</v>
      </c>
      <c r="I32" s="2" t="s">
        <v>755</v>
      </c>
      <c r="J32" s="2" t="s">
        <v>755</v>
      </c>
      <c r="K32" s="2" t="s">
        <v>756</v>
      </c>
      <c r="L32" s="2" t="s">
        <v>764</v>
      </c>
    </row>
    <row r="33" spans="1:12" x14ac:dyDescent="0.2">
      <c r="A33" s="4" t="s">
        <v>108</v>
      </c>
      <c r="B33" s="6" t="s">
        <v>765</v>
      </c>
      <c r="C33" s="2" t="s">
        <v>766</v>
      </c>
      <c r="D33" s="2" t="s">
        <v>767</v>
      </c>
      <c r="E33" s="2" t="s">
        <v>768</v>
      </c>
      <c r="F33" s="2" t="s">
        <v>768</v>
      </c>
      <c r="G33" s="2" t="s">
        <v>769</v>
      </c>
      <c r="H33" s="2" t="s">
        <v>770</v>
      </c>
      <c r="I33" s="2" t="s">
        <v>49</v>
      </c>
      <c r="J33" s="2" t="s">
        <v>49</v>
      </c>
      <c r="K33" s="2" t="s">
        <v>49</v>
      </c>
      <c r="L33" s="2" t="s">
        <v>767</v>
      </c>
    </row>
    <row r="34" spans="1:12" x14ac:dyDescent="0.2">
      <c r="A34" s="4" t="s">
        <v>110</v>
      </c>
      <c r="B34" s="6" t="s">
        <v>771</v>
      </c>
      <c r="C34" s="2" t="s">
        <v>49</v>
      </c>
      <c r="D34" s="2" t="s">
        <v>49</v>
      </c>
      <c r="E34" s="2" t="s">
        <v>49</v>
      </c>
      <c r="F34" s="2" t="s">
        <v>49</v>
      </c>
      <c r="G34" s="2" t="s">
        <v>49</v>
      </c>
      <c r="H34" s="2" t="s">
        <v>49</v>
      </c>
      <c r="I34" s="2" t="s">
        <v>49</v>
      </c>
      <c r="J34" s="2" t="s">
        <v>49</v>
      </c>
      <c r="K34" s="2" t="s">
        <v>49</v>
      </c>
      <c r="L34" s="2" t="s">
        <v>49</v>
      </c>
    </row>
    <row r="35" spans="1:12" x14ac:dyDescent="0.2">
      <c r="A35" s="5" t="s">
        <v>112</v>
      </c>
      <c r="B35" s="7" t="s">
        <v>772</v>
      </c>
      <c r="C35" s="3" t="s">
        <v>773</v>
      </c>
      <c r="D35" s="3" t="s">
        <v>774</v>
      </c>
      <c r="E35" s="3" t="s">
        <v>775</v>
      </c>
      <c r="F35" s="3" t="s">
        <v>775</v>
      </c>
      <c r="G35" s="3" t="s">
        <v>776</v>
      </c>
      <c r="H35" s="3" t="s">
        <v>777</v>
      </c>
      <c r="I35" s="3" t="s">
        <v>778</v>
      </c>
      <c r="J35" s="3" t="s">
        <v>778</v>
      </c>
      <c r="K35" s="3" t="s">
        <v>779</v>
      </c>
      <c r="L35" s="3" t="s">
        <v>780</v>
      </c>
    </row>
    <row r="36" spans="1:12" x14ac:dyDescent="0.2">
      <c r="A36" s="4" t="s">
        <v>114</v>
      </c>
      <c r="B36" s="6" t="s">
        <v>781</v>
      </c>
      <c r="C36" s="2" t="s">
        <v>782</v>
      </c>
      <c r="D36" s="2" t="s">
        <v>782</v>
      </c>
      <c r="E36" s="2" t="s">
        <v>49</v>
      </c>
      <c r="F36" s="2" t="s">
        <v>49</v>
      </c>
      <c r="G36" s="2" t="s">
        <v>49</v>
      </c>
      <c r="H36" s="2" t="s">
        <v>782</v>
      </c>
      <c r="I36" s="2" t="s">
        <v>49</v>
      </c>
      <c r="J36" s="2" t="s">
        <v>49</v>
      </c>
      <c r="K36" s="2" t="s">
        <v>49</v>
      </c>
      <c r="L36" s="2" t="s">
        <v>782</v>
      </c>
    </row>
    <row r="37" spans="1:12" x14ac:dyDescent="0.2">
      <c r="A37" s="4" t="s">
        <v>116</v>
      </c>
      <c r="B37" s="6" t="s">
        <v>783</v>
      </c>
      <c r="C37" s="2" t="s">
        <v>784</v>
      </c>
      <c r="D37" s="2" t="s">
        <v>785</v>
      </c>
      <c r="E37" s="2" t="s">
        <v>786</v>
      </c>
      <c r="F37" s="2" t="s">
        <v>786</v>
      </c>
      <c r="G37" s="2" t="s">
        <v>787</v>
      </c>
      <c r="H37" s="2" t="s">
        <v>788</v>
      </c>
      <c r="I37" s="2" t="s">
        <v>789</v>
      </c>
      <c r="J37" s="2" t="s">
        <v>789</v>
      </c>
      <c r="K37" s="2" t="s">
        <v>790</v>
      </c>
      <c r="L37" s="2" t="s">
        <v>791</v>
      </c>
    </row>
    <row r="38" spans="1:12" x14ac:dyDescent="0.2">
      <c r="A38" s="4" t="s">
        <v>118</v>
      </c>
      <c r="B38" s="6" t="s">
        <v>792</v>
      </c>
      <c r="C38" s="2" t="s">
        <v>793</v>
      </c>
      <c r="D38" s="2" t="s">
        <v>794</v>
      </c>
      <c r="E38" s="2" t="s">
        <v>795</v>
      </c>
      <c r="F38" s="2" t="s">
        <v>795</v>
      </c>
      <c r="G38" s="2" t="s">
        <v>796</v>
      </c>
      <c r="H38" s="2" t="s">
        <v>797</v>
      </c>
      <c r="I38" s="2" t="s">
        <v>798</v>
      </c>
      <c r="J38" s="2" t="s">
        <v>798</v>
      </c>
      <c r="K38" s="2" t="s">
        <v>799</v>
      </c>
      <c r="L38" s="2" t="s">
        <v>800</v>
      </c>
    </row>
    <row r="39" spans="1:12" x14ac:dyDescent="0.2">
      <c r="A39" s="4" t="s">
        <v>120</v>
      </c>
      <c r="B39" s="6" t="s">
        <v>707</v>
      </c>
      <c r="C39" s="2" t="s">
        <v>801</v>
      </c>
      <c r="D39" s="2" t="s">
        <v>801</v>
      </c>
      <c r="E39" s="2" t="s">
        <v>49</v>
      </c>
      <c r="F39" s="2" t="s">
        <v>49</v>
      </c>
      <c r="G39" s="2" t="s">
        <v>49</v>
      </c>
      <c r="H39" s="2" t="s">
        <v>801</v>
      </c>
      <c r="I39" s="2" t="s">
        <v>49</v>
      </c>
      <c r="J39" s="2" t="s">
        <v>49</v>
      </c>
      <c r="K39" s="2" t="s">
        <v>49</v>
      </c>
      <c r="L39" s="2" t="s">
        <v>801</v>
      </c>
    </row>
    <row r="40" spans="1:12" x14ac:dyDescent="0.2">
      <c r="A40" s="5" t="s">
        <v>125</v>
      </c>
      <c r="B40" s="7" t="s">
        <v>802</v>
      </c>
      <c r="C40" s="3" t="s">
        <v>803</v>
      </c>
      <c r="D40" s="3" t="s">
        <v>804</v>
      </c>
      <c r="E40" s="3" t="s">
        <v>805</v>
      </c>
      <c r="F40" s="3" t="s">
        <v>805</v>
      </c>
      <c r="G40" s="3" t="s">
        <v>806</v>
      </c>
      <c r="H40" s="3" t="s">
        <v>807</v>
      </c>
      <c r="I40" s="3" t="s">
        <v>808</v>
      </c>
      <c r="J40" s="3" t="s">
        <v>808</v>
      </c>
      <c r="K40" s="3" t="s">
        <v>809</v>
      </c>
      <c r="L40" s="3" t="s">
        <v>810</v>
      </c>
    </row>
    <row r="41" spans="1:12" x14ac:dyDescent="0.2">
      <c r="A41" s="4" t="s">
        <v>131</v>
      </c>
      <c r="B41" s="6" t="s">
        <v>811</v>
      </c>
      <c r="C41" s="2" t="s">
        <v>803</v>
      </c>
      <c r="D41" s="2" t="s">
        <v>804</v>
      </c>
      <c r="E41" s="2" t="s">
        <v>805</v>
      </c>
      <c r="F41" s="2" t="s">
        <v>805</v>
      </c>
      <c r="G41" s="2" t="s">
        <v>806</v>
      </c>
      <c r="H41" s="2" t="s">
        <v>807</v>
      </c>
      <c r="I41" s="2" t="s">
        <v>808</v>
      </c>
      <c r="J41" s="2" t="s">
        <v>808</v>
      </c>
      <c r="K41" s="2" t="s">
        <v>809</v>
      </c>
      <c r="L41" s="2" t="s">
        <v>810</v>
      </c>
    </row>
    <row r="42" spans="1:12" x14ac:dyDescent="0.2">
      <c r="A42" s="5" t="s">
        <v>137</v>
      </c>
      <c r="B42" s="7" t="s">
        <v>812</v>
      </c>
      <c r="C42" s="3" t="s">
        <v>813</v>
      </c>
      <c r="D42" s="3" t="s">
        <v>814</v>
      </c>
      <c r="E42" s="3" t="s">
        <v>815</v>
      </c>
      <c r="F42" s="3" t="s">
        <v>815</v>
      </c>
      <c r="G42" s="3" t="s">
        <v>816</v>
      </c>
      <c r="H42" s="3" t="s">
        <v>817</v>
      </c>
      <c r="I42" s="3" t="s">
        <v>818</v>
      </c>
      <c r="J42" s="3" t="s">
        <v>818</v>
      </c>
      <c r="K42" s="3" t="s">
        <v>819</v>
      </c>
      <c r="L42" s="3" t="s">
        <v>820</v>
      </c>
    </row>
    <row r="43" spans="1:12" x14ac:dyDescent="0.2">
      <c r="A43" s="4" t="s">
        <v>143</v>
      </c>
      <c r="B43" s="6" t="s">
        <v>821</v>
      </c>
      <c r="C43" s="2" t="s">
        <v>822</v>
      </c>
      <c r="D43" s="2" t="s">
        <v>823</v>
      </c>
      <c r="E43" s="2" t="s">
        <v>824</v>
      </c>
      <c r="F43" s="2" t="s">
        <v>824</v>
      </c>
      <c r="G43" s="2" t="s">
        <v>769</v>
      </c>
      <c r="H43" s="2" t="s">
        <v>825</v>
      </c>
      <c r="I43" s="2" t="s">
        <v>826</v>
      </c>
      <c r="J43" s="2" t="s">
        <v>826</v>
      </c>
      <c r="K43" s="2" t="s">
        <v>827</v>
      </c>
      <c r="L43" s="2" t="s">
        <v>828</v>
      </c>
    </row>
    <row r="44" spans="1:12" x14ac:dyDescent="0.2">
      <c r="A44" s="4" t="s">
        <v>145</v>
      </c>
      <c r="B44" s="6" t="s">
        <v>693</v>
      </c>
      <c r="C44" s="2" t="s">
        <v>829</v>
      </c>
      <c r="D44" s="2" t="s">
        <v>830</v>
      </c>
      <c r="E44" s="2" t="s">
        <v>831</v>
      </c>
      <c r="F44" s="2" t="s">
        <v>831</v>
      </c>
      <c r="G44" s="2" t="s">
        <v>832</v>
      </c>
      <c r="H44" s="2" t="s">
        <v>833</v>
      </c>
      <c r="I44" s="2" t="s">
        <v>834</v>
      </c>
      <c r="J44" s="2" t="s">
        <v>834</v>
      </c>
      <c r="K44" s="2" t="s">
        <v>835</v>
      </c>
      <c r="L44" s="2" t="s">
        <v>836</v>
      </c>
    </row>
    <row r="45" spans="1:12" x14ac:dyDescent="0.2">
      <c r="A45" s="4" t="s">
        <v>148</v>
      </c>
      <c r="B45" s="6" t="s">
        <v>740</v>
      </c>
      <c r="C45" s="2" t="s">
        <v>837</v>
      </c>
      <c r="D45" s="2" t="s">
        <v>838</v>
      </c>
      <c r="E45" s="2" t="s">
        <v>839</v>
      </c>
      <c r="F45" s="2" t="s">
        <v>839</v>
      </c>
      <c r="G45" s="2" t="s">
        <v>827</v>
      </c>
      <c r="H45" s="2" t="s">
        <v>840</v>
      </c>
      <c r="I45" s="2" t="s">
        <v>841</v>
      </c>
      <c r="J45" s="2" t="s">
        <v>841</v>
      </c>
      <c r="K45" s="2" t="s">
        <v>49</v>
      </c>
      <c r="L45" s="2" t="s">
        <v>842</v>
      </c>
    </row>
    <row r="46" spans="1:12" x14ac:dyDescent="0.2">
      <c r="A46" s="4" t="s">
        <v>154</v>
      </c>
      <c r="B46" s="6" t="s">
        <v>667</v>
      </c>
      <c r="C46" s="2" t="s">
        <v>843</v>
      </c>
      <c r="D46" s="2" t="s">
        <v>843</v>
      </c>
      <c r="E46" s="2" t="s">
        <v>844</v>
      </c>
      <c r="F46" s="2" t="s">
        <v>844</v>
      </c>
      <c r="G46" s="2" t="s">
        <v>845</v>
      </c>
      <c r="H46" s="2" t="s">
        <v>846</v>
      </c>
      <c r="I46" s="2" t="s">
        <v>847</v>
      </c>
      <c r="J46" s="2" t="s">
        <v>847</v>
      </c>
      <c r="K46" s="2" t="s">
        <v>49</v>
      </c>
      <c r="L46" s="2" t="s">
        <v>848</v>
      </c>
    </row>
    <row r="47" spans="1:12" x14ac:dyDescent="0.2">
      <c r="A47" s="4" t="s">
        <v>156</v>
      </c>
      <c r="B47" s="6" t="s">
        <v>781</v>
      </c>
      <c r="C47" s="2" t="s">
        <v>849</v>
      </c>
      <c r="D47" s="2" t="s">
        <v>849</v>
      </c>
      <c r="E47" s="2" t="s">
        <v>49</v>
      </c>
      <c r="F47" s="2" t="s">
        <v>49</v>
      </c>
      <c r="G47" s="2" t="s">
        <v>49</v>
      </c>
      <c r="H47" s="2" t="s">
        <v>849</v>
      </c>
      <c r="I47" s="2" t="s">
        <v>49</v>
      </c>
      <c r="J47" s="2" t="s">
        <v>49</v>
      </c>
      <c r="K47" s="2" t="s">
        <v>49</v>
      </c>
      <c r="L47" s="2" t="s">
        <v>849</v>
      </c>
    </row>
    <row r="48" spans="1:12" x14ac:dyDescent="0.2">
      <c r="A48" s="4" t="s">
        <v>162</v>
      </c>
      <c r="B48" s="6" t="s">
        <v>850</v>
      </c>
      <c r="C48" s="2" t="s">
        <v>851</v>
      </c>
      <c r="D48" s="2" t="s">
        <v>852</v>
      </c>
      <c r="E48" s="2" t="s">
        <v>853</v>
      </c>
      <c r="F48" s="2" t="s">
        <v>853</v>
      </c>
      <c r="G48" s="2" t="s">
        <v>854</v>
      </c>
      <c r="H48" s="2" t="s">
        <v>855</v>
      </c>
      <c r="I48" s="2" t="s">
        <v>856</v>
      </c>
      <c r="J48" s="2" t="s">
        <v>856</v>
      </c>
      <c r="K48" s="2" t="s">
        <v>49</v>
      </c>
      <c r="L48" s="2" t="s">
        <v>857</v>
      </c>
    </row>
    <row r="49" spans="1:12" x14ac:dyDescent="0.2">
      <c r="A49" s="4" t="s">
        <v>168</v>
      </c>
      <c r="B49" s="6" t="s">
        <v>858</v>
      </c>
      <c r="C49" s="2" t="s">
        <v>859</v>
      </c>
      <c r="D49" s="2" t="s">
        <v>860</v>
      </c>
      <c r="E49" s="2" t="s">
        <v>861</v>
      </c>
      <c r="F49" s="2" t="s">
        <v>861</v>
      </c>
      <c r="G49" s="2" t="s">
        <v>862</v>
      </c>
      <c r="H49" s="2" t="s">
        <v>863</v>
      </c>
      <c r="I49" s="2" t="s">
        <v>864</v>
      </c>
      <c r="J49" s="2" t="s">
        <v>864</v>
      </c>
      <c r="K49" s="2" t="s">
        <v>865</v>
      </c>
      <c r="L49" s="2" t="s">
        <v>866</v>
      </c>
    </row>
    <row r="50" spans="1:12" x14ac:dyDescent="0.2">
      <c r="A50" s="4" t="s">
        <v>174</v>
      </c>
      <c r="B50" s="6" t="s">
        <v>867</v>
      </c>
      <c r="C50" s="2" t="s">
        <v>868</v>
      </c>
      <c r="D50" s="2" t="s">
        <v>869</v>
      </c>
      <c r="E50" s="2" t="s">
        <v>870</v>
      </c>
      <c r="F50" s="2" t="s">
        <v>870</v>
      </c>
      <c r="G50" s="2" t="s">
        <v>871</v>
      </c>
      <c r="H50" s="2" t="s">
        <v>872</v>
      </c>
      <c r="I50" s="2" t="s">
        <v>873</v>
      </c>
      <c r="J50" s="2" t="s">
        <v>873</v>
      </c>
      <c r="K50" s="2" t="s">
        <v>827</v>
      </c>
      <c r="L50" s="2" t="s">
        <v>874</v>
      </c>
    </row>
    <row r="51" spans="1:12" x14ac:dyDescent="0.2">
      <c r="A51" s="4" t="s">
        <v>180</v>
      </c>
      <c r="B51" s="6" t="s">
        <v>875</v>
      </c>
      <c r="C51" s="2" t="s">
        <v>876</v>
      </c>
      <c r="D51" s="2" t="s">
        <v>876</v>
      </c>
      <c r="E51" s="2" t="s">
        <v>877</v>
      </c>
      <c r="F51" s="2" t="s">
        <v>877</v>
      </c>
      <c r="G51" s="2" t="s">
        <v>49</v>
      </c>
      <c r="H51" s="2" t="s">
        <v>878</v>
      </c>
      <c r="I51" s="2" t="s">
        <v>879</v>
      </c>
      <c r="J51" s="2" t="s">
        <v>879</v>
      </c>
      <c r="K51" s="2" t="s">
        <v>49</v>
      </c>
      <c r="L51" s="2" t="s">
        <v>880</v>
      </c>
    </row>
    <row r="52" spans="1:12" x14ac:dyDescent="0.2">
      <c r="A52" s="4" t="s">
        <v>182</v>
      </c>
      <c r="B52" s="6" t="s">
        <v>881</v>
      </c>
      <c r="C52" s="2" t="s">
        <v>882</v>
      </c>
      <c r="D52" s="2" t="s">
        <v>883</v>
      </c>
      <c r="E52" s="2" t="s">
        <v>884</v>
      </c>
      <c r="F52" s="2" t="s">
        <v>884</v>
      </c>
      <c r="G52" s="2" t="s">
        <v>845</v>
      </c>
      <c r="H52" s="2" t="s">
        <v>885</v>
      </c>
      <c r="I52" s="2" t="s">
        <v>886</v>
      </c>
      <c r="J52" s="2" t="s">
        <v>886</v>
      </c>
      <c r="K52" s="2" t="s">
        <v>827</v>
      </c>
      <c r="L52" s="2" t="s">
        <v>887</v>
      </c>
    </row>
    <row r="53" spans="1:12" x14ac:dyDescent="0.2">
      <c r="A53" s="4" t="s">
        <v>188</v>
      </c>
      <c r="B53" s="6" t="s">
        <v>888</v>
      </c>
      <c r="C53" s="2" t="s">
        <v>889</v>
      </c>
      <c r="D53" s="2" t="s">
        <v>890</v>
      </c>
      <c r="E53" s="2" t="s">
        <v>891</v>
      </c>
      <c r="F53" s="2" t="s">
        <v>891</v>
      </c>
      <c r="G53" s="2" t="s">
        <v>892</v>
      </c>
      <c r="H53" s="2" t="s">
        <v>893</v>
      </c>
      <c r="I53" s="2" t="s">
        <v>894</v>
      </c>
      <c r="J53" s="2" t="s">
        <v>894</v>
      </c>
      <c r="K53" s="2" t="s">
        <v>702</v>
      </c>
      <c r="L53" s="2" t="s">
        <v>895</v>
      </c>
    </row>
    <row r="54" spans="1:12" x14ac:dyDescent="0.2">
      <c r="A54" s="4" t="s">
        <v>194</v>
      </c>
      <c r="B54" s="6" t="s">
        <v>896</v>
      </c>
      <c r="C54" s="2" t="s">
        <v>897</v>
      </c>
      <c r="D54" s="2" t="s">
        <v>898</v>
      </c>
      <c r="E54" s="2" t="s">
        <v>899</v>
      </c>
      <c r="F54" s="2" t="s">
        <v>899</v>
      </c>
      <c r="G54" s="2" t="s">
        <v>49</v>
      </c>
      <c r="H54" s="2" t="s">
        <v>900</v>
      </c>
      <c r="I54" s="2" t="s">
        <v>901</v>
      </c>
      <c r="J54" s="2" t="s">
        <v>901</v>
      </c>
      <c r="K54" s="2" t="s">
        <v>49</v>
      </c>
      <c r="L54" s="2" t="s">
        <v>902</v>
      </c>
    </row>
    <row r="55" spans="1:12" x14ac:dyDescent="0.2">
      <c r="A55" s="4" t="s">
        <v>196</v>
      </c>
      <c r="B55" s="6" t="s">
        <v>903</v>
      </c>
      <c r="C55" s="2" t="s">
        <v>49</v>
      </c>
      <c r="D55" s="2" t="s">
        <v>49</v>
      </c>
      <c r="E55" s="2" t="s">
        <v>49</v>
      </c>
      <c r="F55" s="2" t="s">
        <v>49</v>
      </c>
      <c r="G55" s="2" t="s">
        <v>49</v>
      </c>
      <c r="H55" s="2" t="s">
        <v>49</v>
      </c>
      <c r="I55" s="2" t="s">
        <v>49</v>
      </c>
      <c r="J55" s="2" t="s">
        <v>49</v>
      </c>
      <c r="K55" s="2" t="s">
        <v>49</v>
      </c>
      <c r="L55" s="2" t="s">
        <v>49</v>
      </c>
    </row>
    <row r="56" spans="1:12" x14ac:dyDescent="0.2">
      <c r="A56" s="4" t="s">
        <v>198</v>
      </c>
      <c r="B56" s="6" t="s">
        <v>707</v>
      </c>
      <c r="C56" s="2" t="s">
        <v>904</v>
      </c>
      <c r="D56" s="2" t="s">
        <v>904</v>
      </c>
      <c r="E56" s="2" t="s">
        <v>905</v>
      </c>
      <c r="F56" s="2" t="s">
        <v>905</v>
      </c>
      <c r="G56" s="2" t="s">
        <v>49</v>
      </c>
      <c r="H56" s="2" t="s">
        <v>906</v>
      </c>
      <c r="I56" s="2" t="s">
        <v>907</v>
      </c>
      <c r="J56" s="2" t="s">
        <v>907</v>
      </c>
      <c r="K56" s="2" t="s">
        <v>49</v>
      </c>
      <c r="L56" s="2" t="s">
        <v>908</v>
      </c>
    </row>
    <row r="57" spans="1:12" x14ac:dyDescent="0.2">
      <c r="A57" s="4" t="s">
        <v>200</v>
      </c>
      <c r="B57" s="6" t="s">
        <v>909</v>
      </c>
      <c r="C57" s="2" t="s">
        <v>910</v>
      </c>
      <c r="D57" s="2" t="s">
        <v>911</v>
      </c>
      <c r="E57" s="2" t="s">
        <v>912</v>
      </c>
      <c r="F57" s="2" t="s">
        <v>912</v>
      </c>
      <c r="G57" s="2" t="s">
        <v>913</v>
      </c>
      <c r="H57" s="2" t="s">
        <v>914</v>
      </c>
      <c r="I57" s="2" t="s">
        <v>915</v>
      </c>
      <c r="J57" s="2" t="s">
        <v>915</v>
      </c>
      <c r="K57" s="2" t="s">
        <v>769</v>
      </c>
      <c r="L57" s="2" t="s">
        <v>916</v>
      </c>
    </row>
    <row r="58" spans="1:12" x14ac:dyDescent="0.2">
      <c r="A58" s="4" t="s">
        <v>206</v>
      </c>
      <c r="B58" s="6" t="s">
        <v>917</v>
      </c>
      <c r="C58" s="2" t="s">
        <v>918</v>
      </c>
      <c r="D58" s="2" t="s">
        <v>918</v>
      </c>
      <c r="E58" s="2" t="s">
        <v>919</v>
      </c>
      <c r="F58" s="2" t="s">
        <v>919</v>
      </c>
      <c r="G58" s="2" t="s">
        <v>49</v>
      </c>
      <c r="H58" s="2" t="s">
        <v>920</v>
      </c>
      <c r="I58" s="2" t="s">
        <v>921</v>
      </c>
      <c r="J58" s="2" t="s">
        <v>921</v>
      </c>
      <c r="K58" s="2" t="s">
        <v>49</v>
      </c>
      <c r="L58" s="2" t="s">
        <v>922</v>
      </c>
    </row>
    <row r="59" spans="1:12" x14ac:dyDescent="0.2">
      <c r="A59" s="4" t="s">
        <v>212</v>
      </c>
      <c r="B59" s="6" t="s">
        <v>923</v>
      </c>
      <c r="C59" s="2" t="s">
        <v>924</v>
      </c>
      <c r="D59" s="2" t="s">
        <v>924</v>
      </c>
      <c r="E59" s="2" t="s">
        <v>925</v>
      </c>
      <c r="F59" s="2" t="s">
        <v>925</v>
      </c>
      <c r="G59" s="2" t="s">
        <v>796</v>
      </c>
      <c r="H59" s="2" t="s">
        <v>926</v>
      </c>
      <c r="I59" s="2" t="s">
        <v>927</v>
      </c>
      <c r="J59" s="2" t="s">
        <v>927</v>
      </c>
      <c r="K59" s="2" t="s">
        <v>769</v>
      </c>
      <c r="L59" s="2" t="s">
        <v>928</v>
      </c>
    </row>
    <row r="60" spans="1:12" x14ac:dyDescent="0.2">
      <c r="A60" s="5" t="s">
        <v>218</v>
      </c>
      <c r="B60" s="7" t="s">
        <v>929</v>
      </c>
      <c r="C60" s="3" t="s">
        <v>930</v>
      </c>
      <c r="D60" s="3" t="s">
        <v>931</v>
      </c>
      <c r="E60" s="3" t="s">
        <v>932</v>
      </c>
      <c r="F60" s="3" t="s">
        <v>932</v>
      </c>
      <c r="G60" s="3" t="s">
        <v>913</v>
      </c>
      <c r="H60" s="3" t="s">
        <v>933</v>
      </c>
      <c r="I60" s="3" t="s">
        <v>934</v>
      </c>
      <c r="J60" s="3" t="s">
        <v>934</v>
      </c>
      <c r="K60" s="3" t="s">
        <v>799</v>
      </c>
      <c r="L60" s="3" t="s">
        <v>935</v>
      </c>
    </row>
    <row r="61" spans="1:12" x14ac:dyDescent="0.2">
      <c r="A61" s="4" t="s">
        <v>224</v>
      </c>
      <c r="B61" s="6" t="s">
        <v>693</v>
      </c>
      <c r="C61" s="2" t="s">
        <v>936</v>
      </c>
      <c r="D61" s="2" t="s">
        <v>937</v>
      </c>
      <c r="E61" s="2" t="s">
        <v>938</v>
      </c>
      <c r="F61" s="2" t="s">
        <v>938</v>
      </c>
      <c r="G61" s="2" t="s">
        <v>796</v>
      </c>
      <c r="H61" s="2" t="s">
        <v>939</v>
      </c>
      <c r="I61" s="2" t="s">
        <v>940</v>
      </c>
      <c r="J61" s="2" t="s">
        <v>940</v>
      </c>
      <c r="K61" s="2" t="s">
        <v>941</v>
      </c>
      <c r="L61" s="2" t="s">
        <v>942</v>
      </c>
    </row>
    <row r="62" spans="1:12" x14ac:dyDescent="0.2">
      <c r="A62" s="4" t="s">
        <v>230</v>
      </c>
      <c r="B62" s="6" t="s">
        <v>943</v>
      </c>
      <c r="C62" s="2" t="s">
        <v>944</v>
      </c>
      <c r="D62" s="2" t="s">
        <v>945</v>
      </c>
      <c r="E62" s="2" t="s">
        <v>946</v>
      </c>
      <c r="F62" s="2" t="s">
        <v>946</v>
      </c>
      <c r="G62" s="2" t="s">
        <v>827</v>
      </c>
      <c r="H62" s="2" t="s">
        <v>947</v>
      </c>
      <c r="I62" s="2" t="s">
        <v>948</v>
      </c>
      <c r="J62" s="2" t="s">
        <v>948</v>
      </c>
      <c r="K62" s="2" t="s">
        <v>827</v>
      </c>
      <c r="L62" s="2" t="s">
        <v>949</v>
      </c>
    </row>
    <row r="63" spans="1:12" x14ac:dyDescent="0.2">
      <c r="A63" s="5" t="s">
        <v>235</v>
      </c>
      <c r="B63" s="7" t="s">
        <v>950</v>
      </c>
      <c r="C63" s="3" t="s">
        <v>951</v>
      </c>
      <c r="D63" s="3" t="s">
        <v>952</v>
      </c>
      <c r="E63" s="3" t="s">
        <v>953</v>
      </c>
      <c r="F63" s="3" t="s">
        <v>953</v>
      </c>
      <c r="G63" s="3" t="s">
        <v>954</v>
      </c>
      <c r="H63" s="3" t="s">
        <v>955</v>
      </c>
      <c r="I63" s="3" t="s">
        <v>956</v>
      </c>
      <c r="J63" s="3" t="s">
        <v>956</v>
      </c>
      <c r="K63" s="3" t="s">
        <v>957</v>
      </c>
      <c r="L63" s="3" t="s">
        <v>958</v>
      </c>
    </row>
    <row r="64" spans="1:12" x14ac:dyDescent="0.2">
      <c r="A64" s="4" t="s">
        <v>240</v>
      </c>
      <c r="B64" s="6" t="s">
        <v>693</v>
      </c>
      <c r="C64" s="2" t="s">
        <v>959</v>
      </c>
      <c r="D64" s="2" t="s">
        <v>960</v>
      </c>
      <c r="E64" s="2" t="s">
        <v>961</v>
      </c>
      <c r="F64" s="2" t="s">
        <v>961</v>
      </c>
      <c r="G64" s="2" t="s">
        <v>962</v>
      </c>
      <c r="H64" s="2" t="s">
        <v>963</v>
      </c>
      <c r="I64" s="2" t="s">
        <v>964</v>
      </c>
      <c r="J64" s="2" t="s">
        <v>964</v>
      </c>
      <c r="K64" s="2" t="s">
        <v>965</v>
      </c>
      <c r="L64" s="2" t="s">
        <v>966</v>
      </c>
    </row>
    <row r="65" spans="1:12" x14ac:dyDescent="0.2">
      <c r="A65" s="4" t="s">
        <v>241</v>
      </c>
      <c r="B65" s="6" t="s">
        <v>967</v>
      </c>
      <c r="C65" s="2" t="s">
        <v>968</v>
      </c>
      <c r="D65" s="2" t="s">
        <v>969</v>
      </c>
      <c r="E65" s="2" t="s">
        <v>970</v>
      </c>
      <c r="F65" s="2" t="s">
        <v>970</v>
      </c>
      <c r="G65" s="2" t="s">
        <v>769</v>
      </c>
      <c r="H65" s="2" t="s">
        <v>971</v>
      </c>
      <c r="I65" s="2" t="s">
        <v>972</v>
      </c>
      <c r="J65" s="2" t="s">
        <v>972</v>
      </c>
      <c r="K65" s="2" t="s">
        <v>845</v>
      </c>
      <c r="L65" s="2" t="s">
        <v>973</v>
      </c>
    </row>
    <row r="66" spans="1:12" x14ac:dyDescent="0.2">
      <c r="A66" s="4" t="s">
        <v>242</v>
      </c>
      <c r="B66" s="6" t="s">
        <v>974</v>
      </c>
      <c r="C66" s="2" t="s">
        <v>975</v>
      </c>
      <c r="D66" s="2" t="s">
        <v>976</v>
      </c>
      <c r="E66" s="2" t="s">
        <v>977</v>
      </c>
      <c r="F66" s="2" t="s">
        <v>977</v>
      </c>
      <c r="G66" s="2" t="s">
        <v>978</v>
      </c>
      <c r="H66" s="2" t="s">
        <v>979</v>
      </c>
      <c r="I66" s="2" t="s">
        <v>980</v>
      </c>
      <c r="J66" s="2" t="s">
        <v>980</v>
      </c>
      <c r="K66" s="2" t="s">
        <v>913</v>
      </c>
      <c r="L66" s="2" t="s">
        <v>981</v>
      </c>
    </row>
    <row r="67" spans="1:12" x14ac:dyDescent="0.2">
      <c r="A67" s="4" t="s">
        <v>244</v>
      </c>
      <c r="B67" s="6" t="s">
        <v>903</v>
      </c>
      <c r="C67" s="2" t="s">
        <v>982</v>
      </c>
      <c r="D67" s="2" t="s">
        <v>982</v>
      </c>
      <c r="E67" s="2" t="s">
        <v>983</v>
      </c>
      <c r="F67" s="2" t="s">
        <v>983</v>
      </c>
      <c r="G67" s="2" t="s">
        <v>978</v>
      </c>
      <c r="H67" s="2" t="s">
        <v>984</v>
      </c>
      <c r="I67" s="2" t="s">
        <v>985</v>
      </c>
      <c r="J67" s="2" t="s">
        <v>985</v>
      </c>
      <c r="K67" s="2" t="s">
        <v>827</v>
      </c>
      <c r="L67" s="2" t="s">
        <v>986</v>
      </c>
    </row>
    <row r="68" spans="1:12" x14ac:dyDescent="0.2">
      <c r="A68" s="4" t="s">
        <v>249</v>
      </c>
      <c r="B68" s="6" t="s">
        <v>792</v>
      </c>
      <c r="C68" s="2" t="s">
        <v>987</v>
      </c>
      <c r="D68" s="2" t="s">
        <v>988</v>
      </c>
      <c r="E68" s="2" t="s">
        <v>989</v>
      </c>
      <c r="F68" s="2" t="s">
        <v>989</v>
      </c>
      <c r="G68" s="2" t="s">
        <v>827</v>
      </c>
      <c r="H68" s="2" t="s">
        <v>990</v>
      </c>
      <c r="I68" s="2" t="s">
        <v>991</v>
      </c>
      <c r="J68" s="2" t="s">
        <v>991</v>
      </c>
      <c r="K68" s="2" t="s">
        <v>769</v>
      </c>
      <c r="L68" s="2" t="s">
        <v>992</v>
      </c>
    </row>
    <row r="69" spans="1:12" x14ac:dyDescent="0.2">
      <c r="A69" s="4" t="s">
        <v>250</v>
      </c>
      <c r="B69" s="6" t="s">
        <v>993</v>
      </c>
      <c r="C69" s="2" t="s">
        <v>994</v>
      </c>
      <c r="D69" s="2" t="s">
        <v>994</v>
      </c>
      <c r="E69" s="2" t="s">
        <v>49</v>
      </c>
      <c r="F69" s="2" t="s">
        <v>49</v>
      </c>
      <c r="G69" s="2" t="s">
        <v>49</v>
      </c>
      <c r="H69" s="2" t="s">
        <v>994</v>
      </c>
      <c r="I69" s="2" t="s">
        <v>49</v>
      </c>
      <c r="J69" s="2" t="s">
        <v>49</v>
      </c>
      <c r="K69" s="2" t="s">
        <v>49</v>
      </c>
      <c r="L69" s="2" t="s">
        <v>994</v>
      </c>
    </row>
    <row r="70" spans="1:12" x14ac:dyDescent="0.2">
      <c r="A70" s="4" t="s">
        <v>252</v>
      </c>
      <c r="B70" s="6" t="s">
        <v>995</v>
      </c>
      <c r="C70" s="2" t="s">
        <v>996</v>
      </c>
      <c r="D70" s="2" t="s">
        <v>996</v>
      </c>
      <c r="E70" s="2" t="s">
        <v>997</v>
      </c>
      <c r="F70" s="2" t="s">
        <v>997</v>
      </c>
      <c r="G70" s="2" t="s">
        <v>49</v>
      </c>
      <c r="H70" s="2" t="s">
        <v>998</v>
      </c>
      <c r="I70" s="2" t="s">
        <v>999</v>
      </c>
      <c r="J70" s="2" t="s">
        <v>999</v>
      </c>
      <c r="K70" s="2" t="s">
        <v>49</v>
      </c>
      <c r="L70" s="2" t="s">
        <v>1000</v>
      </c>
    </row>
    <row r="71" spans="1:12" x14ac:dyDescent="0.2">
      <c r="A71" s="4" t="s">
        <v>254</v>
      </c>
      <c r="B71" s="6" t="s">
        <v>1001</v>
      </c>
      <c r="C71" s="2" t="s">
        <v>1002</v>
      </c>
      <c r="D71" s="2" t="s">
        <v>1002</v>
      </c>
      <c r="E71" s="2" t="s">
        <v>1003</v>
      </c>
      <c r="F71" s="2" t="s">
        <v>1003</v>
      </c>
      <c r="G71" s="2" t="s">
        <v>49</v>
      </c>
      <c r="H71" s="2" t="s">
        <v>1004</v>
      </c>
      <c r="I71" s="2" t="s">
        <v>1005</v>
      </c>
      <c r="J71" s="2" t="s">
        <v>1005</v>
      </c>
      <c r="K71" s="2" t="s">
        <v>49</v>
      </c>
      <c r="L71" s="2" t="s">
        <v>1006</v>
      </c>
    </row>
    <row r="72" spans="1:12" x14ac:dyDescent="0.2">
      <c r="A72" s="4" t="s">
        <v>256</v>
      </c>
      <c r="B72" s="6" t="s">
        <v>1007</v>
      </c>
      <c r="C72" s="2" t="s">
        <v>1008</v>
      </c>
      <c r="D72" s="2" t="s">
        <v>1009</v>
      </c>
      <c r="E72" s="2" t="s">
        <v>1010</v>
      </c>
      <c r="F72" s="2" t="s">
        <v>1010</v>
      </c>
      <c r="G72" s="2" t="s">
        <v>1011</v>
      </c>
      <c r="H72" s="2" t="s">
        <v>1012</v>
      </c>
      <c r="I72" s="2" t="s">
        <v>1013</v>
      </c>
      <c r="J72" s="2" t="s">
        <v>1013</v>
      </c>
      <c r="K72" s="2" t="s">
        <v>1014</v>
      </c>
      <c r="L72" s="2" t="s">
        <v>1015</v>
      </c>
    </row>
    <row r="73" spans="1:12" x14ac:dyDescent="0.2">
      <c r="A73" s="4" t="s">
        <v>258</v>
      </c>
      <c r="B73" s="6" t="s">
        <v>1016</v>
      </c>
      <c r="C73" s="2" t="s">
        <v>1017</v>
      </c>
      <c r="D73" s="2" t="s">
        <v>1018</v>
      </c>
      <c r="E73" s="2" t="s">
        <v>1019</v>
      </c>
      <c r="F73" s="2" t="s">
        <v>1019</v>
      </c>
      <c r="G73" s="2" t="s">
        <v>827</v>
      </c>
      <c r="H73" s="2" t="s">
        <v>1020</v>
      </c>
      <c r="I73" s="2" t="s">
        <v>1021</v>
      </c>
      <c r="J73" s="2" t="s">
        <v>1021</v>
      </c>
      <c r="K73" s="2" t="s">
        <v>827</v>
      </c>
      <c r="L73" s="2" t="s">
        <v>1022</v>
      </c>
    </row>
    <row r="74" spans="1:12" x14ac:dyDescent="0.2">
      <c r="A74" s="4" t="s">
        <v>260</v>
      </c>
      <c r="B74" s="6" t="s">
        <v>1023</v>
      </c>
      <c r="C74" s="2" t="s">
        <v>49</v>
      </c>
      <c r="D74" s="2" t="s">
        <v>49</v>
      </c>
      <c r="E74" s="2" t="s">
        <v>49</v>
      </c>
      <c r="F74" s="2" t="s">
        <v>49</v>
      </c>
      <c r="G74" s="2" t="s">
        <v>49</v>
      </c>
      <c r="H74" s="2" t="s">
        <v>49</v>
      </c>
      <c r="I74" s="2" t="s">
        <v>49</v>
      </c>
      <c r="J74" s="2" t="s">
        <v>49</v>
      </c>
      <c r="K74" s="2" t="s">
        <v>49</v>
      </c>
      <c r="L74" s="2" t="s">
        <v>49</v>
      </c>
    </row>
    <row r="75" spans="1:12" x14ac:dyDescent="0.2">
      <c r="A75" s="5" t="s">
        <v>262</v>
      </c>
      <c r="B75" s="7" t="s">
        <v>1024</v>
      </c>
      <c r="C75" s="3" t="s">
        <v>1025</v>
      </c>
      <c r="D75" s="3" t="s">
        <v>1025</v>
      </c>
      <c r="E75" s="3" t="s">
        <v>1026</v>
      </c>
      <c r="F75" s="3" t="s">
        <v>1026</v>
      </c>
      <c r="G75" s="3" t="s">
        <v>1027</v>
      </c>
      <c r="H75" s="3" t="s">
        <v>1028</v>
      </c>
      <c r="I75" s="3" t="s">
        <v>1029</v>
      </c>
      <c r="J75" s="3" t="s">
        <v>1029</v>
      </c>
      <c r="K75" s="3" t="s">
        <v>1030</v>
      </c>
      <c r="L75" s="3" t="s">
        <v>1031</v>
      </c>
    </row>
    <row r="76" spans="1:12" x14ac:dyDescent="0.2">
      <c r="A76" s="4" t="s">
        <v>268</v>
      </c>
      <c r="B76" s="6" t="s">
        <v>1032</v>
      </c>
      <c r="C76" s="2" t="s">
        <v>1033</v>
      </c>
      <c r="D76" s="2" t="s">
        <v>1033</v>
      </c>
      <c r="E76" s="2" t="s">
        <v>1026</v>
      </c>
      <c r="F76" s="2" t="s">
        <v>1026</v>
      </c>
      <c r="G76" s="2" t="s">
        <v>1027</v>
      </c>
      <c r="H76" s="2" t="s">
        <v>1034</v>
      </c>
      <c r="I76" s="2" t="s">
        <v>1029</v>
      </c>
      <c r="J76" s="2" t="s">
        <v>1029</v>
      </c>
      <c r="K76" s="2" t="s">
        <v>1030</v>
      </c>
      <c r="L76" s="2" t="s">
        <v>1035</v>
      </c>
    </row>
    <row r="77" spans="1:12" x14ac:dyDescent="0.2">
      <c r="A77" s="4" t="s">
        <v>274</v>
      </c>
      <c r="B77" s="6" t="s">
        <v>1036</v>
      </c>
      <c r="C77" s="2" t="s">
        <v>1037</v>
      </c>
      <c r="D77" s="2" t="s">
        <v>1037</v>
      </c>
      <c r="E77" s="2" t="s">
        <v>49</v>
      </c>
      <c r="F77" s="2" t="s">
        <v>49</v>
      </c>
      <c r="G77" s="2" t="s">
        <v>49</v>
      </c>
      <c r="H77" s="2" t="s">
        <v>1037</v>
      </c>
      <c r="I77" s="2" t="s">
        <v>49</v>
      </c>
      <c r="J77" s="2" t="s">
        <v>49</v>
      </c>
      <c r="K77" s="2" t="s">
        <v>49</v>
      </c>
      <c r="L77" s="2" t="s">
        <v>1037</v>
      </c>
    </row>
    <row r="78" spans="1:12" x14ac:dyDescent="0.2">
      <c r="A78" s="5" t="s">
        <v>276</v>
      </c>
      <c r="B78" s="7" t="s">
        <v>1038</v>
      </c>
      <c r="C78" s="3" t="s">
        <v>1039</v>
      </c>
      <c r="D78" s="3" t="s">
        <v>1040</v>
      </c>
      <c r="E78" s="3" t="s">
        <v>1041</v>
      </c>
      <c r="F78" s="3" t="s">
        <v>1041</v>
      </c>
      <c r="G78" s="3" t="s">
        <v>1042</v>
      </c>
      <c r="H78" s="3" t="s">
        <v>1043</v>
      </c>
      <c r="I78" s="3" t="s">
        <v>1044</v>
      </c>
      <c r="J78" s="3" t="s">
        <v>1044</v>
      </c>
      <c r="K78" s="3" t="s">
        <v>634</v>
      </c>
      <c r="L78" s="3" t="s">
        <v>1045</v>
      </c>
    </row>
    <row r="79" spans="1:12" x14ac:dyDescent="0.2">
      <c r="A79" s="4" t="s">
        <v>278</v>
      </c>
      <c r="B79" s="6" t="s">
        <v>1046</v>
      </c>
      <c r="C79" s="2" t="s">
        <v>1047</v>
      </c>
      <c r="D79" s="2" t="s">
        <v>1048</v>
      </c>
      <c r="E79" s="2" t="s">
        <v>1049</v>
      </c>
      <c r="F79" s="2" t="s">
        <v>1049</v>
      </c>
      <c r="G79" s="2" t="s">
        <v>705</v>
      </c>
      <c r="H79" s="2" t="s">
        <v>1050</v>
      </c>
      <c r="I79" s="2" t="s">
        <v>1051</v>
      </c>
      <c r="J79" s="2" t="s">
        <v>1051</v>
      </c>
      <c r="K79" s="2" t="s">
        <v>978</v>
      </c>
      <c r="L79" s="2" t="s">
        <v>1052</v>
      </c>
    </row>
    <row r="80" spans="1:12" x14ac:dyDescent="0.2">
      <c r="A80" s="4" t="s">
        <v>280</v>
      </c>
      <c r="B80" s="6" t="s">
        <v>1053</v>
      </c>
      <c r="C80" s="2" t="s">
        <v>1054</v>
      </c>
      <c r="D80" s="2" t="s">
        <v>1055</v>
      </c>
      <c r="E80" s="2" t="s">
        <v>1056</v>
      </c>
      <c r="F80" s="2" t="s">
        <v>1056</v>
      </c>
      <c r="G80" s="2" t="s">
        <v>1057</v>
      </c>
      <c r="H80" s="2" t="s">
        <v>1058</v>
      </c>
      <c r="I80" s="2" t="s">
        <v>1059</v>
      </c>
      <c r="J80" s="2" t="s">
        <v>1059</v>
      </c>
      <c r="K80" s="2" t="s">
        <v>1060</v>
      </c>
      <c r="L80" s="2" t="s">
        <v>1061</v>
      </c>
    </row>
    <row r="81" spans="1:12" x14ac:dyDescent="0.2">
      <c r="A81" s="4" t="s">
        <v>282</v>
      </c>
      <c r="B81" s="6" t="s">
        <v>707</v>
      </c>
      <c r="C81" s="2" t="s">
        <v>1062</v>
      </c>
      <c r="D81" s="2" t="s">
        <v>1063</v>
      </c>
      <c r="E81" s="2" t="s">
        <v>1064</v>
      </c>
      <c r="F81" s="2" t="s">
        <v>1064</v>
      </c>
      <c r="G81" s="2" t="s">
        <v>49</v>
      </c>
      <c r="H81" s="2" t="s">
        <v>1065</v>
      </c>
      <c r="I81" s="2" t="s">
        <v>1066</v>
      </c>
      <c r="J81" s="2" t="s">
        <v>1066</v>
      </c>
      <c r="K81" s="2" t="s">
        <v>49</v>
      </c>
      <c r="L81" s="2" t="s">
        <v>1067</v>
      </c>
    </row>
    <row r="82" spans="1:12" x14ac:dyDescent="0.2">
      <c r="A82" s="4" t="s">
        <v>284</v>
      </c>
      <c r="B82" s="6" t="s">
        <v>1068</v>
      </c>
      <c r="C82" s="2" t="s">
        <v>1069</v>
      </c>
      <c r="D82" s="2" t="s">
        <v>1069</v>
      </c>
      <c r="E82" s="2" t="s">
        <v>49</v>
      </c>
      <c r="F82" s="2" t="s">
        <v>49</v>
      </c>
      <c r="G82" s="2" t="s">
        <v>49</v>
      </c>
      <c r="H82" s="2" t="s">
        <v>1069</v>
      </c>
      <c r="I82" s="2" t="s">
        <v>49</v>
      </c>
      <c r="J82" s="2" t="s">
        <v>49</v>
      </c>
      <c r="K82" s="2" t="s">
        <v>49</v>
      </c>
      <c r="L82" s="2" t="s">
        <v>1069</v>
      </c>
    </row>
    <row r="83" spans="1:12" x14ac:dyDescent="0.2">
      <c r="A83" s="5" t="s">
        <v>285</v>
      </c>
      <c r="B83" s="7" t="s">
        <v>1070</v>
      </c>
      <c r="C83" s="3" t="s">
        <v>1071</v>
      </c>
      <c r="D83" s="3" t="s">
        <v>1072</v>
      </c>
      <c r="E83" s="3" t="s">
        <v>1073</v>
      </c>
      <c r="F83" s="3" t="s">
        <v>1073</v>
      </c>
      <c r="G83" s="3" t="s">
        <v>49</v>
      </c>
      <c r="H83" s="3" t="s">
        <v>1074</v>
      </c>
      <c r="I83" s="3" t="s">
        <v>1075</v>
      </c>
      <c r="J83" s="3" t="s">
        <v>1075</v>
      </c>
      <c r="K83" s="3" t="s">
        <v>49</v>
      </c>
      <c r="L83" s="3" t="s">
        <v>1076</v>
      </c>
    </row>
    <row r="84" spans="1:12" x14ac:dyDescent="0.2">
      <c r="A84" s="4" t="s">
        <v>286</v>
      </c>
      <c r="B84" s="6" t="s">
        <v>1077</v>
      </c>
      <c r="C84" s="2" t="s">
        <v>1071</v>
      </c>
      <c r="D84" s="2" t="s">
        <v>1072</v>
      </c>
      <c r="E84" s="2" t="s">
        <v>1073</v>
      </c>
      <c r="F84" s="2" t="s">
        <v>1073</v>
      </c>
      <c r="G84" s="2" t="s">
        <v>49</v>
      </c>
      <c r="H84" s="2" t="s">
        <v>1074</v>
      </c>
      <c r="I84" s="2" t="s">
        <v>1075</v>
      </c>
      <c r="J84" s="2" t="s">
        <v>1075</v>
      </c>
      <c r="K84" s="2" t="s">
        <v>49</v>
      </c>
      <c r="L84" s="2" t="s">
        <v>1076</v>
      </c>
    </row>
    <row r="85" spans="1:12" x14ac:dyDescent="0.2">
      <c r="A85" s="5" t="s">
        <v>288</v>
      </c>
      <c r="B85" s="7" t="s">
        <v>1078</v>
      </c>
      <c r="C85" s="3" t="s">
        <v>1079</v>
      </c>
      <c r="D85" s="3" t="s">
        <v>1080</v>
      </c>
      <c r="E85" s="3" t="s">
        <v>1081</v>
      </c>
      <c r="F85" s="3" t="s">
        <v>1081</v>
      </c>
      <c r="G85" s="3" t="s">
        <v>1082</v>
      </c>
      <c r="H85" s="3" t="s">
        <v>1083</v>
      </c>
      <c r="I85" s="3" t="s">
        <v>1084</v>
      </c>
      <c r="J85" s="3" t="s">
        <v>1084</v>
      </c>
      <c r="K85" s="3" t="s">
        <v>702</v>
      </c>
      <c r="L85" s="3" t="s">
        <v>1085</v>
      </c>
    </row>
    <row r="86" spans="1:12" x14ac:dyDescent="0.2">
      <c r="A86" s="4" t="s">
        <v>291</v>
      </c>
      <c r="B86" s="6" t="s">
        <v>693</v>
      </c>
      <c r="C86" s="2" t="s">
        <v>1086</v>
      </c>
      <c r="D86" s="2" t="s">
        <v>1086</v>
      </c>
      <c r="E86" s="2" t="s">
        <v>1087</v>
      </c>
      <c r="F86" s="2" t="s">
        <v>1087</v>
      </c>
      <c r="G86" s="2" t="s">
        <v>1088</v>
      </c>
      <c r="H86" s="2" t="s">
        <v>1089</v>
      </c>
      <c r="I86" s="2" t="s">
        <v>1090</v>
      </c>
      <c r="J86" s="2" t="s">
        <v>1090</v>
      </c>
      <c r="K86" s="2" t="s">
        <v>1088</v>
      </c>
      <c r="L86" s="2" t="s">
        <v>1091</v>
      </c>
    </row>
    <row r="87" spans="1:12" x14ac:dyDescent="0.2">
      <c r="A87" s="4" t="s">
        <v>296</v>
      </c>
      <c r="B87" s="6" t="s">
        <v>731</v>
      </c>
      <c r="C87" s="2" t="s">
        <v>1092</v>
      </c>
      <c r="D87" s="2" t="s">
        <v>1092</v>
      </c>
      <c r="E87" s="2" t="s">
        <v>49</v>
      </c>
      <c r="F87" s="2" t="s">
        <v>49</v>
      </c>
      <c r="G87" s="2" t="s">
        <v>49</v>
      </c>
      <c r="H87" s="2" t="s">
        <v>1092</v>
      </c>
      <c r="I87" s="2" t="s">
        <v>49</v>
      </c>
      <c r="J87" s="2" t="s">
        <v>49</v>
      </c>
      <c r="K87" s="2" t="s">
        <v>49</v>
      </c>
      <c r="L87" s="2" t="s">
        <v>1092</v>
      </c>
    </row>
    <row r="88" spans="1:12" x14ac:dyDescent="0.2">
      <c r="A88" s="4" t="s">
        <v>298</v>
      </c>
      <c r="B88" s="6" t="s">
        <v>1093</v>
      </c>
      <c r="C88" s="2" t="s">
        <v>1094</v>
      </c>
      <c r="D88" s="2" t="s">
        <v>1095</v>
      </c>
      <c r="E88" s="2" t="s">
        <v>1096</v>
      </c>
      <c r="F88" s="2" t="s">
        <v>1096</v>
      </c>
      <c r="G88" s="2" t="s">
        <v>871</v>
      </c>
      <c r="H88" s="2" t="s">
        <v>1097</v>
      </c>
      <c r="I88" s="2" t="s">
        <v>1098</v>
      </c>
      <c r="J88" s="2" t="s">
        <v>1098</v>
      </c>
      <c r="K88" s="2" t="s">
        <v>941</v>
      </c>
      <c r="L88" s="2" t="s">
        <v>1099</v>
      </c>
    </row>
    <row r="89" spans="1:12" x14ac:dyDescent="0.2">
      <c r="A89" s="5" t="s">
        <v>300</v>
      </c>
      <c r="B89" s="7" t="s">
        <v>1100</v>
      </c>
      <c r="C89" s="3" t="s">
        <v>1101</v>
      </c>
      <c r="D89" s="3" t="s">
        <v>1102</v>
      </c>
      <c r="E89" s="3" t="s">
        <v>1103</v>
      </c>
      <c r="F89" s="3" t="s">
        <v>1103</v>
      </c>
      <c r="G89" s="3" t="s">
        <v>1104</v>
      </c>
      <c r="H89" s="3" t="s">
        <v>1105</v>
      </c>
      <c r="I89" s="3" t="s">
        <v>1106</v>
      </c>
      <c r="J89" s="3" t="s">
        <v>1106</v>
      </c>
      <c r="K89" s="3" t="s">
        <v>705</v>
      </c>
      <c r="L89" s="3" t="s">
        <v>1107</v>
      </c>
    </row>
    <row r="90" spans="1:12" x14ac:dyDescent="0.2">
      <c r="A90" s="4" t="s">
        <v>302</v>
      </c>
      <c r="B90" s="6" t="s">
        <v>1108</v>
      </c>
      <c r="C90" s="2" t="s">
        <v>1101</v>
      </c>
      <c r="D90" s="2" t="s">
        <v>1102</v>
      </c>
      <c r="E90" s="2" t="s">
        <v>1103</v>
      </c>
      <c r="F90" s="2" t="s">
        <v>1103</v>
      </c>
      <c r="G90" s="2" t="s">
        <v>1104</v>
      </c>
      <c r="H90" s="2" t="s">
        <v>1105</v>
      </c>
      <c r="I90" s="2" t="s">
        <v>1106</v>
      </c>
      <c r="J90" s="2" t="s">
        <v>1106</v>
      </c>
      <c r="K90" s="2" t="s">
        <v>705</v>
      </c>
      <c r="L90" s="2" t="s">
        <v>1107</v>
      </c>
    </row>
    <row r="91" spans="1:12" x14ac:dyDescent="0.2">
      <c r="A91" s="5" t="s">
        <v>315</v>
      </c>
      <c r="B91" s="7" t="s">
        <v>1109</v>
      </c>
      <c r="C91" s="3" t="s">
        <v>1110</v>
      </c>
      <c r="D91" s="3" t="s">
        <v>1111</v>
      </c>
      <c r="E91" s="3" t="s">
        <v>1112</v>
      </c>
      <c r="F91" s="3" t="s">
        <v>1112</v>
      </c>
      <c r="G91" s="3" t="s">
        <v>1113</v>
      </c>
      <c r="H91" s="3" t="s">
        <v>1114</v>
      </c>
      <c r="I91" s="3" t="s">
        <v>1115</v>
      </c>
      <c r="J91" s="3" t="s">
        <v>1115</v>
      </c>
      <c r="K91" s="3" t="s">
        <v>1116</v>
      </c>
      <c r="L91" s="3" t="s">
        <v>1117</v>
      </c>
    </row>
    <row r="92" spans="1:12" x14ac:dyDescent="0.2">
      <c r="A92" s="4" t="s">
        <v>324</v>
      </c>
      <c r="B92" s="6" t="s">
        <v>693</v>
      </c>
      <c r="C92" s="2" t="s">
        <v>1118</v>
      </c>
      <c r="D92" s="2" t="s">
        <v>1119</v>
      </c>
      <c r="E92" s="2" t="s">
        <v>1120</v>
      </c>
      <c r="F92" s="2" t="s">
        <v>1120</v>
      </c>
      <c r="G92" s="2" t="s">
        <v>705</v>
      </c>
      <c r="H92" s="2" t="s">
        <v>1121</v>
      </c>
      <c r="I92" s="2" t="s">
        <v>1122</v>
      </c>
      <c r="J92" s="2" t="s">
        <v>1122</v>
      </c>
      <c r="K92" s="2" t="s">
        <v>710</v>
      </c>
      <c r="L92" s="2" t="s">
        <v>1123</v>
      </c>
    </row>
    <row r="93" spans="1:12" x14ac:dyDescent="0.2">
      <c r="A93" s="4" t="s">
        <v>333</v>
      </c>
      <c r="B93" s="6" t="s">
        <v>1124</v>
      </c>
      <c r="C93" s="2" t="s">
        <v>1125</v>
      </c>
      <c r="D93" s="2" t="s">
        <v>1126</v>
      </c>
      <c r="E93" s="2" t="s">
        <v>1127</v>
      </c>
      <c r="F93" s="2" t="s">
        <v>1127</v>
      </c>
      <c r="G93" s="2" t="s">
        <v>941</v>
      </c>
      <c r="H93" s="2" t="s">
        <v>1128</v>
      </c>
      <c r="I93" s="2" t="s">
        <v>1129</v>
      </c>
      <c r="J93" s="2" t="s">
        <v>1129</v>
      </c>
      <c r="K93" s="2" t="s">
        <v>827</v>
      </c>
      <c r="L93" s="2" t="s">
        <v>1130</v>
      </c>
    </row>
    <row r="94" spans="1:12" x14ac:dyDescent="0.2">
      <c r="A94" s="4" t="s">
        <v>342</v>
      </c>
      <c r="B94" s="6" t="s">
        <v>1131</v>
      </c>
      <c r="C94" s="2" t="s">
        <v>1132</v>
      </c>
      <c r="D94" s="2" t="s">
        <v>1132</v>
      </c>
      <c r="E94" s="2" t="s">
        <v>1133</v>
      </c>
      <c r="F94" s="2" t="s">
        <v>1133</v>
      </c>
      <c r="G94" s="2" t="s">
        <v>827</v>
      </c>
      <c r="H94" s="2" t="s">
        <v>1134</v>
      </c>
      <c r="I94" s="2" t="s">
        <v>1135</v>
      </c>
      <c r="J94" s="2" t="s">
        <v>1135</v>
      </c>
      <c r="K94" s="2" t="s">
        <v>769</v>
      </c>
      <c r="L94" s="2" t="s">
        <v>1136</v>
      </c>
    </row>
    <row r="95" spans="1:12" x14ac:dyDescent="0.2">
      <c r="A95" s="4" t="s">
        <v>351</v>
      </c>
      <c r="B95" s="6" t="s">
        <v>1137</v>
      </c>
      <c r="C95" s="2" t="s">
        <v>1138</v>
      </c>
      <c r="D95" s="2" t="s">
        <v>1138</v>
      </c>
      <c r="E95" s="2" t="s">
        <v>1139</v>
      </c>
      <c r="F95" s="2" t="s">
        <v>1139</v>
      </c>
      <c r="G95" s="2" t="s">
        <v>49</v>
      </c>
      <c r="H95" s="2" t="s">
        <v>1140</v>
      </c>
      <c r="I95" s="2" t="s">
        <v>1141</v>
      </c>
      <c r="J95" s="2" t="s">
        <v>1141</v>
      </c>
      <c r="K95" s="2" t="s">
        <v>49</v>
      </c>
      <c r="L95" s="2" t="s">
        <v>1142</v>
      </c>
    </row>
    <row r="96" spans="1:12" x14ac:dyDescent="0.2">
      <c r="A96" s="4" t="s">
        <v>360</v>
      </c>
      <c r="B96" s="6" t="s">
        <v>1143</v>
      </c>
      <c r="C96" s="2" t="s">
        <v>1144</v>
      </c>
      <c r="D96" s="2" t="s">
        <v>1144</v>
      </c>
      <c r="E96" s="2" t="s">
        <v>49</v>
      </c>
      <c r="F96" s="2" t="s">
        <v>49</v>
      </c>
      <c r="G96" s="2" t="s">
        <v>49</v>
      </c>
      <c r="H96" s="2" t="s">
        <v>1144</v>
      </c>
      <c r="I96" s="2" t="s">
        <v>49</v>
      </c>
      <c r="J96" s="2" t="s">
        <v>49</v>
      </c>
      <c r="K96" s="2" t="s">
        <v>49</v>
      </c>
      <c r="L96" s="2" t="s">
        <v>1144</v>
      </c>
    </row>
    <row r="97" spans="1:12" x14ac:dyDescent="0.2">
      <c r="A97" s="5" t="s">
        <v>367</v>
      </c>
      <c r="B97" s="7" t="s">
        <v>1145</v>
      </c>
      <c r="C97" s="3" t="s">
        <v>1146</v>
      </c>
      <c r="D97" s="3" t="s">
        <v>1147</v>
      </c>
      <c r="E97" s="3" t="s">
        <v>1148</v>
      </c>
      <c r="F97" s="3" t="s">
        <v>1148</v>
      </c>
      <c r="G97" s="3" t="s">
        <v>845</v>
      </c>
      <c r="H97" s="3" t="s">
        <v>1149</v>
      </c>
      <c r="I97" s="3" t="s">
        <v>1150</v>
      </c>
      <c r="J97" s="3" t="s">
        <v>1150</v>
      </c>
      <c r="K97" s="3" t="s">
        <v>913</v>
      </c>
      <c r="L97" s="3" t="s">
        <v>1151</v>
      </c>
    </row>
    <row r="98" spans="1:12" x14ac:dyDescent="0.2">
      <c r="A98" s="4" t="s">
        <v>375</v>
      </c>
      <c r="B98" s="6" t="s">
        <v>666</v>
      </c>
      <c r="C98" s="2" t="s">
        <v>1037</v>
      </c>
      <c r="D98" s="2" t="s">
        <v>1037</v>
      </c>
      <c r="E98" s="2" t="s">
        <v>49</v>
      </c>
      <c r="F98" s="2" t="s">
        <v>49</v>
      </c>
      <c r="G98" s="2" t="s">
        <v>49</v>
      </c>
      <c r="H98" s="2" t="s">
        <v>1037</v>
      </c>
      <c r="I98" s="2" t="s">
        <v>49</v>
      </c>
      <c r="J98" s="2" t="s">
        <v>49</v>
      </c>
      <c r="K98" s="2" t="s">
        <v>49</v>
      </c>
      <c r="L98" s="2" t="s">
        <v>1037</v>
      </c>
    </row>
    <row r="99" spans="1:12" x14ac:dyDescent="0.2">
      <c r="A99" s="4" t="s">
        <v>384</v>
      </c>
      <c r="B99" s="6" t="s">
        <v>1032</v>
      </c>
      <c r="C99" s="2" t="s">
        <v>1037</v>
      </c>
      <c r="D99" s="2" t="s">
        <v>1037</v>
      </c>
      <c r="E99" s="2" t="s">
        <v>49</v>
      </c>
      <c r="F99" s="2" t="s">
        <v>49</v>
      </c>
      <c r="G99" s="2" t="s">
        <v>49</v>
      </c>
      <c r="H99" s="2" t="s">
        <v>1037</v>
      </c>
      <c r="I99" s="2" t="s">
        <v>49</v>
      </c>
      <c r="J99" s="2" t="s">
        <v>49</v>
      </c>
      <c r="K99" s="2" t="s">
        <v>49</v>
      </c>
      <c r="L99" s="2" t="s">
        <v>1037</v>
      </c>
    </row>
    <row r="100" spans="1:12" x14ac:dyDescent="0.2">
      <c r="A100" s="4" t="s">
        <v>393</v>
      </c>
      <c r="B100" s="6" t="s">
        <v>1016</v>
      </c>
      <c r="C100" s="2" t="s">
        <v>1152</v>
      </c>
      <c r="D100" s="2" t="s">
        <v>1153</v>
      </c>
      <c r="E100" s="2" t="s">
        <v>1154</v>
      </c>
      <c r="F100" s="2" t="s">
        <v>1154</v>
      </c>
      <c r="G100" s="2" t="s">
        <v>845</v>
      </c>
      <c r="H100" s="2" t="s">
        <v>1155</v>
      </c>
      <c r="I100" s="2" t="s">
        <v>1156</v>
      </c>
      <c r="J100" s="2" t="s">
        <v>1156</v>
      </c>
      <c r="K100" s="2" t="s">
        <v>913</v>
      </c>
      <c r="L100" s="2" t="s">
        <v>1157</v>
      </c>
    </row>
    <row r="101" spans="1:12" x14ac:dyDescent="0.2">
      <c r="A101" s="4" t="s">
        <v>399</v>
      </c>
      <c r="B101" s="6" t="s">
        <v>1023</v>
      </c>
      <c r="C101" s="2" t="s">
        <v>1092</v>
      </c>
      <c r="D101" s="2" t="s">
        <v>1158</v>
      </c>
      <c r="E101" s="2" t="s">
        <v>1159</v>
      </c>
      <c r="F101" s="2" t="s">
        <v>1159</v>
      </c>
      <c r="G101" s="2" t="s">
        <v>49</v>
      </c>
      <c r="H101" s="2" t="s">
        <v>1160</v>
      </c>
      <c r="I101" s="2" t="s">
        <v>1161</v>
      </c>
      <c r="J101" s="2" t="s">
        <v>1161</v>
      </c>
      <c r="K101" s="2" t="s">
        <v>49</v>
      </c>
      <c r="L101" s="2" t="s">
        <v>1162</v>
      </c>
    </row>
    <row r="102" spans="1:12" x14ac:dyDescent="0.2">
      <c r="A102" s="5" t="s">
        <v>408</v>
      </c>
      <c r="B102" s="7" t="s">
        <v>1163</v>
      </c>
      <c r="C102" s="3" t="s">
        <v>1164</v>
      </c>
      <c r="D102" s="3" t="s">
        <v>1165</v>
      </c>
      <c r="E102" s="3" t="s">
        <v>1166</v>
      </c>
      <c r="F102" s="3" t="s">
        <v>1166</v>
      </c>
      <c r="G102" s="3" t="s">
        <v>1167</v>
      </c>
      <c r="H102" s="3" t="s">
        <v>1168</v>
      </c>
      <c r="I102" s="3" t="s">
        <v>1169</v>
      </c>
      <c r="J102" s="3" t="s">
        <v>1169</v>
      </c>
      <c r="K102" s="3" t="s">
        <v>1167</v>
      </c>
      <c r="L102" s="3" t="s">
        <v>1170</v>
      </c>
    </row>
    <row r="103" spans="1:12" x14ac:dyDescent="0.2">
      <c r="A103" s="4" t="s">
        <v>412</v>
      </c>
      <c r="B103" s="6" t="s">
        <v>693</v>
      </c>
      <c r="C103" s="2" t="s">
        <v>1171</v>
      </c>
      <c r="D103" s="2" t="s">
        <v>1172</v>
      </c>
      <c r="E103" s="2" t="s">
        <v>1173</v>
      </c>
      <c r="F103" s="2" t="s">
        <v>1173</v>
      </c>
      <c r="G103" s="2" t="s">
        <v>1174</v>
      </c>
      <c r="H103" s="2" t="s">
        <v>1175</v>
      </c>
      <c r="I103" s="2" t="s">
        <v>1176</v>
      </c>
      <c r="J103" s="2" t="s">
        <v>1176</v>
      </c>
      <c r="K103" s="2" t="s">
        <v>713</v>
      </c>
      <c r="L103" s="2" t="s">
        <v>1177</v>
      </c>
    </row>
    <row r="104" spans="1:12" x14ac:dyDescent="0.2">
      <c r="A104" s="4" t="s">
        <v>421</v>
      </c>
      <c r="B104" s="6" t="s">
        <v>1131</v>
      </c>
      <c r="C104" s="2" t="s">
        <v>1178</v>
      </c>
      <c r="D104" s="2" t="s">
        <v>1178</v>
      </c>
      <c r="E104" s="2" t="s">
        <v>49</v>
      </c>
      <c r="F104" s="2" t="s">
        <v>49</v>
      </c>
      <c r="G104" s="2" t="s">
        <v>49</v>
      </c>
      <c r="H104" s="2" t="s">
        <v>1178</v>
      </c>
      <c r="I104" s="2" t="s">
        <v>49</v>
      </c>
      <c r="J104" s="2" t="s">
        <v>49</v>
      </c>
      <c r="K104" s="2" t="s">
        <v>49</v>
      </c>
      <c r="L104" s="2" t="s">
        <v>1178</v>
      </c>
    </row>
    <row r="105" spans="1:12" x14ac:dyDescent="0.2">
      <c r="A105" s="4" t="s">
        <v>428</v>
      </c>
      <c r="B105" s="6" t="s">
        <v>1023</v>
      </c>
      <c r="C105" s="2" t="s">
        <v>1179</v>
      </c>
      <c r="D105" s="2" t="s">
        <v>1179</v>
      </c>
      <c r="E105" s="2" t="s">
        <v>1180</v>
      </c>
      <c r="F105" s="2" t="s">
        <v>1180</v>
      </c>
      <c r="G105" s="2" t="s">
        <v>49</v>
      </c>
      <c r="H105" s="2" t="s">
        <v>1181</v>
      </c>
      <c r="I105" s="2" t="s">
        <v>1182</v>
      </c>
      <c r="J105" s="2" t="s">
        <v>1182</v>
      </c>
      <c r="K105" s="2" t="s">
        <v>49</v>
      </c>
      <c r="L105" s="2" t="s">
        <v>1183</v>
      </c>
    </row>
    <row r="106" spans="1:12" x14ac:dyDescent="0.2">
      <c r="A106" s="4" t="s">
        <v>430</v>
      </c>
      <c r="B106" s="6" t="s">
        <v>1184</v>
      </c>
      <c r="C106" s="2" t="s">
        <v>1185</v>
      </c>
      <c r="D106" s="2" t="s">
        <v>1185</v>
      </c>
      <c r="E106" s="2" t="s">
        <v>49</v>
      </c>
      <c r="F106" s="2" t="s">
        <v>49</v>
      </c>
      <c r="G106" s="2" t="s">
        <v>49</v>
      </c>
      <c r="H106" s="2" t="s">
        <v>1185</v>
      </c>
      <c r="I106" s="2" t="s">
        <v>49</v>
      </c>
      <c r="J106" s="2" t="s">
        <v>49</v>
      </c>
      <c r="K106" s="2" t="s">
        <v>49</v>
      </c>
      <c r="L106" s="2" t="s">
        <v>1185</v>
      </c>
    </row>
    <row r="107" spans="1:12" x14ac:dyDescent="0.2">
      <c r="A107" s="4" t="s">
        <v>432</v>
      </c>
      <c r="B107" s="6" t="s">
        <v>1186</v>
      </c>
      <c r="C107" s="2" t="s">
        <v>1187</v>
      </c>
      <c r="D107" s="2" t="s">
        <v>1187</v>
      </c>
      <c r="E107" s="2" t="s">
        <v>49</v>
      </c>
      <c r="F107" s="2" t="s">
        <v>49</v>
      </c>
      <c r="G107" s="2" t="s">
        <v>49</v>
      </c>
      <c r="H107" s="2" t="s">
        <v>1187</v>
      </c>
      <c r="I107" s="2" t="s">
        <v>49</v>
      </c>
      <c r="J107" s="2" t="s">
        <v>49</v>
      </c>
      <c r="K107" s="2" t="s">
        <v>49</v>
      </c>
      <c r="L107" s="2" t="s">
        <v>1187</v>
      </c>
    </row>
    <row r="108" spans="1:12" x14ac:dyDescent="0.2">
      <c r="A108" s="4" t="s">
        <v>434</v>
      </c>
      <c r="B108" s="6" t="s">
        <v>1188</v>
      </c>
      <c r="C108" s="2" t="s">
        <v>1189</v>
      </c>
      <c r="D108" s="2" t="s">
        <v>1189</v>
      </c>
      <c r="E108" s="2" t="s">
        <v>49</v>
      </c>
      <c r="F108" s="2" t="s">
        <v>49</v>
      </c>
      <c r="G108" s="2" t="s">
        <v>49</v>
      </c>
      <c r="H108" s="2" t="s">
        <v>1189</v>
      </c>
      <c r="I108" s="2" t="s">
        <v>49</v>
      </c>
      <c r="J108" s="2" t="s">
        <v>49</v>
      </c>
      <c r="K108" s="2" t="s">
        <v>49</v>
      </c>
      <c r="L108" s="2" t="s">
        <v>1189</v>
      </c>
    </row>
    <row r="109" spans="1:12" x14ac:dyDescent="0.2">
      <c r="A109" s="4" t="s">
        <v>436</v>
      </c>
      <c r="B109" s="6" t="s">
        <v>1190</v>
      </c>
      <c r="C109" s="2" t="s">
        <v>1191</v>
      </c>
      <c r="D109" s="2" t="s">
        <v>1192</v>
      </c>
      <c r="E109" s="2" t="s">
        <v>1193</v>
      </c>
      <c r="F109" s="2" t="s">
        <v>1193</v>
      </c>
      <c r="G109" s="2" t="s">
        <v>769</v>
      </c>
      <c r="H109" s="2" t="s">
        <v>1194</v>
      </c>
      <c r="I109" s="2" t="s">
        <v>1195</v>
      </c>
      <c r="J109" s="2" t="s">
        <v>1195</v>
      </c>
      <c r="K109" s="2" t="s">
        <v>769</v>
      </c>
      <c r="L109" s="2" t="s">
        <v>1196</v>
      </c>
    </row>
    <row r="110" spans="1:12" x14ac:dyDescent="0.2">
      <c r="A110" s="4" t="s">
        <v>438</v>
      </c>
      <c r="B110" s="6" t="s">
        <v>1197</v>
      </c>
      <c r="C110" s="2" t="s">
        <v>1198</v>
      </c>
      <c r="D110" s="2" t="s">
        <v>1198</v>
      </c>
      <c r="E110" s="2" t="s">
        <v>1199</v>
      </c>
      <c r="F110" s="2" t="s">
        <v>1199</v>
      </c>
      <c r="G110" s="2" t="s">
        <v>769</v>
      </c>
      <c r="H110" s="2" t="s">
        <v>1200</v>
      </c>
      <c r="I110" s="2" t="s">
        <v>49</v>
      </c>
      <c r="J110" s="2" t="s">
        <v>49</v>
      </c>
      <c r="K110" s="2" t="s">
        <v>49</v>
      </c>
      <c r="L110" s="2" t="s">
        <v>1198</v>
      </c>
    </row>
    <row r="111" spans="1:12" x14ac:dyDescent="0.2">
      <c r="A111" s="4" t="s">
        <v>439</v>
      </c>
      <c r="B111" s="6" t="s">
        <v>1201</v>
      </c>
      <c r="C111" s="2" t="s">
        <v>1202</v>
      </c>
      <c r="D111" s="2" t="s">
        <v>1203</v>
      </c>
      <c r="E111" s="2" t="s">
        <v>1204</v>
      </c>
      <c r="F111" s="2" t="s">
        <v>1204</v>
      </c>
      <c r="G111" s="2" t="s">
        <v>1030</v>
      </c>
      <c r="H111" s="2" t="s">
        <v>1205</v>
      </c>
      <c r="I111" s="2" t="s">
        <v>1206</v>
      </c>
      <c r="J111" s="2" t="s">
        <v>1206</v>
      </c>
      <c r="K111" s="2" t="s">
        <v>978</v>
      </c>
      <c r="L111" s="2" t="s">
        <v>1207</v>
      </c>
    </row>
    <row r="112" spans="1:12" x14ac:dyDescent="0.2">
      <c r="A112" s="5" t="s">
        <v>440</v>
      </c>
      <c r="B112" s="7" t="s">
        <v>1208</v>
      </c>
      <c r="C112" s="3" t="s">
        <v>1209</v>
      </c>
      <c r="D112" s="3" t="s">
        <v>1210</v>
      </c>
      <c r="E112" s="3" t="s">
        <v>1211</v>
      </c>
      <c r="F112" s="3" t="s">
        <v>1211</v>
      </c>
      <c r="G112" s="3" t="s">
        <v>827</v>
      </c>
      <c r="H112" s="3" t="s">
        <v>1212</v>
      </c>
      <c r="I112" s="3" t="s">
        <v>1213</v>
      </c>
      <c r="J112" s="3" t="s">
        <v>1213</v>
      </c>
      <c r="K112" s="3" t="s">
        <v>827</v>
      </c>
      <c r="L112" s="3" t="s">
        <v>1214</v>
      </c>
    </row>
    <row r="113" spans="1:12" x14ac:dyDescent="0.2">
      <c r="A113" s="4" t="s">
        <v>442</v>
      </c>
      <c r="B113" s="6" t="s">
        <v>1215</v>
      </c>
      <c r="C113" s="2" t="s">
        <v>1209</v>
      </c>
      <c r="D113" s="2" t="s">
        <v>1210</v>
      </c>
      <c r="E113" s="2" t="s">
        <v>1211</v>
      </c>
      <c r="F113" s="2" t="s">
        <v>1211</v>
      </c>
      <c r="G113" s="2" t="s">
        <v>827</v>
      </c>
      <c r="H113" s="2" t="s">
        <v>1212</v>
      </c>
      <c r="I113" s="2" t="s">
        <v>1213</v>
      </c>
      <c r="J113" s="2" t="s">
        <v>1213</v>
      </c>
      <c r="K113" s="2" t="s">
        <v>827</v>
      </c>
      <c r="L113" s="2" t="s">
        <v>1214</v>
      </c>
    </row>
    <row r="114" spans="1:12" x14ac:dyDescent="0.2">
      <c r="A114" s="5" t="s">
        <v>444</v>
      </c>
      <c r="B114" s="7" t="s">
        <v>1216</v>
      </c>
      <c r="C114" s="3" t="s">
        <v>1217</v>
      </c>
      <c r="D114" s="3" t="s">
        <v>1218</v>
      </c>
      <c r="E114" s="3" t="s">
        <v>1219</v>
      </c>
      <c r="F114" s="3" t="s">
        <v>1219</v>
      </c>
      <c r="G114" s="3" t="s">
        <v>913</v>
      </c>
      <c r="H114" s="3" t="s">
        <v>1220</v>
      </c>
      <c r="I114" s="3" t="s">
        <v>1221</v>
      </c>
      <c r="J114" s="3" t="s">
        <v>1221</v>
      </c>
      <c r="K114" s="3" t="s">
        <v>845</v>
      </c>
      <c r="L114" s="3" t="s">
        <v>1222</v>
      </c>
    </row>
    <row r="115" spans="1:12" x14ac:dyDescent="0.2">
      <c r="A115" s="4" t="s">
        <v>446</v>
      </c>
      <c r="B115" s="6" t="s">
        <v>1223</v>
      </c>
      <c r="C115" s="2" t="s">
        <v>1217</v>
      </c>
      <c r="D115" s="2" t="s">
        <v>1218</v>
      </c>
      <c r="E115" s="2" t="s">
        <v>1219</v>
      </c>
      <c r="F115" s="2" t="s">
        <v>1219</v>
      </c>
      <c r="G115" s="2" t="s">
        <v>913</v>
      </c>
      <c r="H115" s="2" t="s">
        <v>1220</v>
      </c>
      <c r="I115" s="2" t="s">
        <v>1221</v>
      </c>
      <c r="J115" s="2" t="s">
        <v>1221</v>
      </c>
      <c r="K115" s="2" t="s">
        <v>845</v>
      </c>
      <c r="L115" s="2" t="s">
        <v>1222</v>
      </c>
    </row>
    <row r="116" spans="1:12" x14ac:dyDescent="0.2">
      <c r="A116" s="5" t="s">
        <v>449</v>
      </c>
      <c r="B116" s="7" t="s">
        <v>1224</v>
      </c>
      <c r="C116" s="3" t="s">
        <v>1225</v>
      </c>
      <c r="D116" s="3" t="s">
        <v>1226</v>
      </c>
      <c r="E116" s="3" t="s">
        <v>1227</v>
      </c>
      <c r="F116" s="3" t="s">
        <v>1227</v>
      </c>
      <c r="G116" s="3" t="s">
        <v>1228</v>
      </c>
      <c r="H116" s="3" t="s">
        <v>1229</v>
      </c>
      <c r="I116" s="3" t="s">
        <v>1230</v>
      </c>
      <c r="J116" s="3" t="s">
        <v>1230</v>
      </c>
      <c r="K116" s="3" t="s">
        <v>1231</v>
      </c>
      <c r="L116" s="3" t="s">
        <v>1232</v>
      </c>
    </row>
    <row r="117" spans="1:12" x14ac:dyDescent="0.2">
      <c r="A117" s="4" t="s">
        <v>451</v>
      </c>
      <c r="B117" s="6" t="s">
        <v>1223</v>
      </c>
      <c r="C117" s="2" t="s">
        <v>1233</v>
      </c>
      <c r="D117" s="2" t="s">
        <v>1233</v>
      </c>
      <c r="E117" s="2" t="s">
        <v>49</v>
      </c>
      <c r="F117" s="2" t="s">
        <v>49</v>
      </c>
      <c r="G117" s="2" t="s">
        <v>49</v>
      </c>
      <c r="H117" s="2" t="s">
        <v>1233</v>
      </c>
      <c r="I117" s="2" t="s">
        <v>49</v>
      </c>
      <c r="J117" s="2" t="s">
        <v>49</v>
      </c>
      <c r="K117" s="2" t="s">
        <v>49</v>
      </c>
      <c r="L117" s="2" t="s">
        <v>1233</v>
      </c>
    </row>
    <row r="118" spans="1:12" x14ac:dyDescent="0.2">
      <c r="A118" s="4" t="s">
        <v>453</v>
      </c>
      <c r="B118" s="6" t="s">
        <v>1234</v>
      </c>
      <c r="C118" s="2" t="s">
        <v>1235</v>
      </c>
      <c r="D118" s="2" t="s">
        <v>1236</v>
      </c>
      <c r="E118" s="2" t="s">
        <v>1237</v>
      </c>
      <c r="F118" s="2" t="s">
        <v>1237</v>
      </c>
      <c r="G118" s="2" t="s">
        <v>1027</v>
      </c>
      <c r="H118" s="2" t="s">
        <v>1238</v>
      </c>
      <c r="I118" s="2" t="s">
        <v>1239</v>
      </c>
      <c r="J118" s="2" t="s">
        <v>1239</v>
      </c>
      <c r="K118" s="2" t="s">
        <v>941</v>
      </c>
      <c r="L118" s="2" t="s">
        <v>1240</v>
      </c>
    </row>
    <row r="119" spans="1:12" x14ac:dyDescent="0.2">
      <c r="A119" s="4" t="s">
        <v>455</v>
      </c>
      <c r="B119" s="6" t="s">
        <v>1241</v>
      </c>
      <c r="C119" s="2" t="s">
        <v>1242</v>
      </c>
      <c r="D119" s="2" t="s">
        <v>1242</v>
      </c>
      <c r="E119" s="2" t="s">
        <v>1243</v>
      </c>
      <c r="F119" s="2" t="s">
        <v>1243</v>
      </c>
      <c r="G119" s="2" t="s">
        <v>799</v>
      </c>
      <c r="H119" s="2" t="s">
        <v>1244</v>
      </c>
      <c r="I119" s="2" t="s">
        <v>1245</v>
      </c>
      <c r="J119" s="2" t="s">
        <v>1245</v>
      </c>
      <c r="K119" s="2" t="s">
        <v>941</v>
      </c>
      <c r="L119" s="2" t="s">
        <v>1246</v>
      </c>
    </row>
    <row r="120" spans="1:12" x14ac:dyDescent="0.2">
      <c r="A120" s="4" t="s">
        <v>457</v>
      </c>
      <c r="B120" s="6" t="s">
        <v>1036</v>
      </c>
      <c r="C120" s="2" t="s">
        <v>1247</v>
      </c>
      <c r="D120" s="2" t="s">
        <v>1247</v>
      </c>
      <c r="E120" s="2" t="s">
        <v>1248</v>
      </c>
      <c r="F120" s="2" t="s">
        <v>1248</v>
      </c>
      <c r="G120" s="2" t="s">
        <v>769</v>
      </c>
      <c r="H120" s="2" t="s">
        <v>1249</v>
      </c>
      <c r="I120" s="2" t="s">
        <v>1250</v>
      </c>
      <c r="J120" s="2" t="s">
        <v>1250</v>
      </c>
      <c r="K120" s="2" t="s">
        <v>769</v>
      </c>
      <c r="L120" s="2" t="s">
        <v>1251</v>
      </c>
    </row>
    <row r="121" spans="1:12" x14ac:dyDescent="0.2">
      <c r="A121" s="5" t="s">
        <v>459</v>
      </c>
      <c r="B121" s="7" t="s">
        <v>1252</v>
      </c>
      <c r="C121" s="3" t="s">
        <v>49</v>
      </c>
      <c r="D121" s="3" t="s">
        <v>49</v>
      </c>
      <c r="E121" s="3" t="s">
        <v>49</v>
      </c>
      <c r="F121" s="3" t="s">
        <v>49</v>
      </c>
      <c r="G121" s="3" t="s">
        <v>49</v>
      </c>
      <c r="H121" s="3" t="s">
        <v>49</v>
      </c>
      <c r="I121" s="3" t="s">
        <v>49</v>
      </c>
      <c r="J121" s="3" t="s">
        <v>49</v>
      </c>
      <c r="K121" s="3" t="s">
        <v>49</v>
      </c>
      <c r="L121" s="3" t="s">
        <v>49</v>
      </c>
    </row>
    <row r="122" spans="1:12" x14ac:dyDescent="0.2">
      <c r="A122" s="4" t="s">
        <v>461</v>
      </c>
      <c r="B122" s="6" t="s">
        <v>1253</v>
      </c>
      <c r="C122" s="2" t="s">
        <v>49</v>
      </c>
      <c r="D122" s="2" t="s">
        <v>49</v>
      </c>
      <c r="E122" s="2" t="s">
        <v>49</v>
      </c>
      <c r="F122" s="2" t="s">
        <v>49</v>
      </c>
      <c r="G122" s="2" t="s">
        <v>49</v>
      </c>
      <c r="H122" s="2" t="s">
        <v>49</v>
      </c>
      <c r="I122" s="2" t="s">
        <v>49</v>
      </c>
      <c r="J122" s="2" t="s">
        <v>49</v>
      </c>
      <c r="K122" s="2" t="s">
        <v>49</v>
      </c>
      <c r="L122" s="2" t="s">
        <v>49</v>
      </c>
    </row>
    <row r="123" spans="1:12" x14ac:dyDescent="0.2">
      <c r="A123" s="4" t="s">
        <v>467</v>
      </c>
      <c r="B123" s="6" t="s">
        <v>1234</v>
      </c>
      <c r="C123" s="2" t="s">
        <v>49</v>
      </c>
      <c r="D123" s="2" t="s">
        <v>49</v>
      </c>
      <c r="E123" s="2" t="s">
        <v>49</v>
      </c>
      <c r="F123" s="2" t="s">
        <v>49</v>
      </c>
      <c r="G123" s="2" t="s">
        <v>49</v>
      </c>
      <c r="H123" s="2" t="s">
        <v>49</v>
      </c>
      <c r="I123" s="2" t="s">
        <v>49</v>
      </c>
      <c r="J123" s="2" t="s">
        <v>49</v>
      </c>
      <c r="K123" s="2" t="s">
        <v>49</v>
      </c>
      <c r="L123" s="2" t="s">
        <v>49</v>
      </c>
    </row>
    <row r="124" spans="1:12" x14ac:dyDescent="0.2">
      <c r="A124" s="5" t="s">
        <v>469</v>
      </c>
      <c r="B124" s="7" t="s">
        <v>1254</v>
      </c>
      <c r="C124" s="3" t="s">
        <v>1255</v>
      </c>
      <c r="D124" s="3" t="s">
        <v>1256</v>
      </c>
      <c r="E124" s="3" t="s">
        <v>1257</v>
      </c>
      <c r="F124" s="3" t="s">
        <v>1257</v>
      </c>
      <c r="G124" s="3" t="s">
        <v>827</v>
      </c>
      <c r="H124" s="3" t="s">
        <v>1258</v>
      </c>
      <c r="I124" s="3" t="s">
        <v>1259</v>
      </c>
      <c r="J124" s="3" t="s">
        <v>1259</v>
      </c>
      <c r="K124" s="3" t="s">
        <v>49</v>
      </c>
      <c r="L124" s="3" t="s">
        <v>1260</v>
      </c>
    </row>
    <row r="125" spans="1:12" x14ac:dyDescent="0.2">
      <c r="A125" s="4" t="s">
        <v>471</v>
      </c>
      <c r="B125" s="6" t="s">
        <v>1261</v>
      </c>
      <c r="C125" s="2" t="s">
        <v>1262</v>
      </c>
      <c r="D125" s="2" t="s">
        <v>1262</v>
      </c>
      <c r="E125" s="2" t="s">
        <v>49</v>
      </c>
      <c r="F125" s="2" t="s">
        <v>49</v>
      </c>
      <c r="G125" s="2" t="s">
        <v>49</v>
      </c>
      <c r="H125" s="2" t="s">
        <v>1262</v>
      </c>
      <c r="I125" s="2" t="s">
        <v>49</v>
      </c>
      <c r="J125" s="2" t="s">
        <v>49</v>
      </c>
      <c r="K125" s="2" t="s">
        <v>49</v>
      </c>
      <c r="L125" s="2" t="s">
        <v>1262</v>
      </c>
    </row>
    <row r="126" spans="1:12" x14ac:dyDescent="0.2">
      <c r="A126" s="4" t="s">
        <v>473</v>
      </c>
      <c r="B126" s="6" t="s">
        <v>1263</v>
      </c>
      <c r="C126" s="2" t="s">
        <v>1264</v>
      </c>
      <c r="D126" s="2" t="s">
        <v>1265</v>
      </c>
      <c r="E126" s="2" t="s">
        <v>1257</v>
      </c>
      <c r="F126" s="2" t="s">
        <v>1257</v>
      </c>
      <c r="G126" s="2" t="s">
        <v>827</v>
      </c>
      <c r="H126" s="2" t="s">
        <v>1266</v>
      </c>
      <c r="I126" s="2" t="s">
        <v>1259</v>
      </c>
      <c r="J126" s="2" t="s">
        <v>1259</v>
      </c>
      <c r="K126" s="2" t="s">
        <v>49</v>
      </c>
      <c r="L126" s="2" t="s">
        <v>1267</v>
      </c>
    </row>
    <row r="127" spans="1:12" x14ac:dyDescent="0.2">
      <c r="A127" s="5" t="s">
        <v>479</v>
      </c>
      <c r="B127" s="7" t="s">
        <v>1268</v>
      </c>
      <c r="C127" s="3" t="s">
        <v>1269</v>
      </c>
      <c r="D127" s="3" t="s">
        <v>1270</v>
      </c>
      <c r="E127" s="3" t="s">
        <v>1271</v>
      </c>
      <c r="F127" s="3" t="s">
        <v>1271</v>
      </c>
      <c r="G127" s="3" t="s">
        <v>1272</v>
      </c>
      <c r="H127" s="3" t="s">
        <v>1273</v>
      </c>
      <c r="I127" s="3" t="s">
        <v>1274</v>
      </c>
      <c r="J127" s="3" t="s">
        <v>1274</v>
      </c>
      <c r="K127" s="3" t="s">
        <v>1275</v>
      </c>
      <c r="L127" s="3" t="s">
        <v>1276</v>
      </c>
    </row>
    <row r="128" spans="1:12" x14ac:dyDescent="0.2">
      <c r="A128" s="4" t="s">
        <v>481</v>
      </c>
      <c r="B128" s="6" t="s">
        <v>693</v>
      </c>
      <c r="C128" s="2" t="s">
        <v>1277</v>
      </c>
      <c r="D128" s="2" t="s">
        <v>1278</v>
      </c>
      <c r="E128" s="2" t="s">
        <v>1279</v>
      </c>
      <c r="F128" s="2" t="s">
        <v>1279</v>
      </c>
      <c r="G128" s="2" t="s">
        <v>1280</v>
      </c>
      <c r="H128" s="2" t="s">
        <v>1281</v>
      </c>
      <c r="I128" s="2" t="s">
        <v>1282</v>
      </c>
      <c r="J128" s="2" t="s">
        <v>1282</v>
      </c>
      <c r="K128" s="2" t="s">
        <v>1283</v>
      </c>
      <c r="L128" s="2" t="s">
        <v>1284</v>
      </c>
    </row>
    <row r="129" spans="1:12" x14ac:dyDescent="0.2">
      <c r="A129" s="4" t="s">
        <v>483</v>
      </c>
      <c r="B129" s="6" t="s">
        <v>1285</v>
      </c>
      <c r="C129" s="2" t="s">
        <v>1286</v>
      </c>
      <c r="D129" s="2" t="s">
        <v>1286</v>
      </c>
      <c r="E129" s="2" t="s">
        <v>49</v>
      </c>
      <c r="F129" s="2" t="s">
        <v>49</v>
      </c>
      <c r="G129" s="2" t="s">
        <v>49</v>
      </c>
      <c r="H129" s="2" t="s">
        <v>1286</v>
      </c>
      <c r="I129" s="2" t="s">
        <v>49</v>
      </c>
      <c r="J129" s="2" t="s">
        <v>49</v>
      </c>
      <c r="K129" s="2" t="s">
        <v>49</v>
      </c>
      <c r="L129" s="2" t="s">
        <v>1286</v>
      </c>
    </row>
    <row r="130" spans="1:12" x14ac:dyDescent="0.2">
      <c r="A130" s="4" t="s">
        <v>485</v>
      </c>
      <c r="B130" s="6" t="s">
        <v>1287</v>
      </c>
      <c r="C130" s="2" t="s">
        <v>1288</v>
      </c>
      <c r="D130" s="2" t="s">
        <v>1289</v>
      </c>
      <c r="E130" s="2" t="s">
        <v>1290</v>
      </c>
      <c r="F130" s="2" t="s">
        <v>1290</v>
      </c>
      <c r="G130" s="2" t="s">
        <v>1291</v>
      </c>
      <c r="H130" s="2" t="s">
        <v>1292</v>
      </c>
      <c r="I130" s="2" t="s">
        <v>1293</v>
      </c>
      <c r="J130" s="2" t="s">
        <v>1293</v>
      </c>
      <c r="K130" s="2" t="s">
        <v>1294</v>
      </c>
      <c r="L130" s="2" t="s">
        <v>1295</v>
      </c>
    </row>
    <row r="131" spans="1:12" x14ac:dyDescent="0.2">
      <c r="A131" s="4" t="s">
        <v>487</v>
      </c>
      <c r="B131" s="6" t="s">
        <v>1296</v>
      </c>
      <c r="C131" s="2" t="s">
        <v>1297</v>
      </c>
      <c r="D131" s="2" t="s">
        <v>1297</v>
      </c>
      <c r="E131" s="2" t="s">
        <v>49</v>
      </c>
      <c r="F131" s="2" t="s">
        <v>49</v>
      </c>
      <c r="G131" s="2" t="s">
        <v>49</v>
      </c>
      <c r="H131" s="2" t="s">
        <v>1297</v>
      </c>
      <c r="I131" s="2" t="s">
        <v>49</v>
      </c>
      <c r="J131" s="2" t="s">
        <v>49</v>
      </c>
      <c r="K131" s="2" t="s">
        <v>49</v>
      </c>
      <c r="L131" s="2" t="s">
        <v>1297</v>
      </c>
    </row>
    <row r="132" spans="1:12" x14ac:dyDescent="0.2">
      <c r="A132" s="4" t="s">
        <v>489</v>
      </c>
      <c r="B132" s="6" t="s">
        <v>1298</v>
      </c>
      <c r="C132" s="2" t="s">
        <v>1299</v>
      </c>
      <c r="D132" s="2" t="s">
        <v>1299</v>
      </c>
      <c r="E132" s="2" t="s">
        <v>49</v>
      </c>
      <c r="F132" s="2" t="s">
        <v>49</v>
      </c>
      <c r="G132" s="2" t="s">
        <v>49</v>
      </c>
      <c r="H132" s="2" t="s">
        <v>1299</v>
      </c>
      <c r="I132" s="2" t="s">
        <v>49</v>
      </c>
      <c r="J132" s="2" t="s">
        <v>49</v>
      </c>
      <c r="K132" s="2" t="s">
        <v>49</v>
      </c>
      <c r="L132" s="2" t="s">
        <v>1299</v>
      </c>
    </row>
    <row r="133" spans="1:12" x14ac:dyDescent="0.2">
      <c r="A133" s="5" t="s">
        <v>491</v>
      </c>
      <c r="B133" s="7" t="s">
        <v>1300</v>
      </c>
      <c r="C133" s="3" t="s">
        <v>1301</v>
      </c>
      <c r="D133" s="3" t="s">
        <v>1302</v>
      </c>
      <c r="E133" s="3" t="s">
        <v>1303</v>
      </c>
      <c r="F133" s="3" t="s">
        <v>1303</v>
      </c>
      <c r="G133" s="3" t="s">
        <v>796</v>
      </c>
      <c r="H133" s="3" t="s">
        <v>1304</v>
      </c>
      <c r="I133" s="3" t="s">
        <v>1305</v>
      </c>
      <c r="J133" s="3" t="s">
        <v>1305</v>
      </c>
      <c r="K133" s="3" t="s">
        <v>941</v>
      </c>
      <c r="L133" s="3" t="s">
        <v>1306</v>
      </c>
    </row>
    <row r="134" spans="1:12" x14ac:dyDescent="0.2">
      <c r="A134" s="4" t="s">
        <v>493</v>
      </c>
      <c r="B134" s="6" t="s">
        <v>1307</v>
      </c>
      <c r="C134" s="2" t="s">
        <v>1308</v>
      </c>
      <c r="D134" s="2" t="s">
        <v>1308</v>
      </c>
      <c r="E134" s="2" t="s">
        <v>1309</v>
      </c>
      <c r="F134" s="2" t="s">
        <v>1309</v>
      </c>
      <c r="G134" s="2" t="s">
        <v>827</v>
      </c>
      <c r="H134" s="2" t="s">
        <v>1310</v>
      </c>
      <c r="I134" s="2" t="s">
        <v>1311</v>
      </c>
      <c r="J134" s="2" t="s">
        <v>1311</v>
      </c>
      <c r="K134" s="2" t="s">
        <v>49</v>
      </c>
      <c r="L134" s="2" t="s">
        <v>1312</v>
      </c>
    </row>
    <row r="135" spans="1:12" x14ac:dyDescent="0.2">
      <c r="A135" s="4" t="s">
        <v>495</v>
      </c>
      <c r="B135" s="6" t="s">
        <v>1313</v>
      </c>
      <c r="C135" s="2" t="s">
        <v>1314</v>
      </c>
      <c r="D135" s="2" t="s">
        <v>1315</v>
      </c>
      <c r="E135" s="2" t="s">
        <v>1316</v>
      </c>
      <c r="F135" s="2" t="s">
        <v>1316</v>
      </c>
      <c r="G135" s="2" t="s">
        <v>796</v>
      </c>
      <c r="H135" s="2" t="s">
        <v>1317</v>
      </c>
      <c r="I135" s="2" t="s">
        <v>1318</v>
      </c>
      <c r="J135" s="2" t="s">
        <v>1318</v>
      </c>
      <c r="K135" s="2" t="s">
        <v>941</v>
      </c>
      <c r="L135" s="2" t="s">
        <v>1319</v>
      </c>
    </row>
    <row r="136" spans="1:12" x14ac:dyDescent="0.2">
      <c r="A136" s="5" t="s">
        <v>497</v>
      </c>
      <c r="B136" s="7" t="s">
        <v>1320</v>
      </c>
      <c r="C136" s="3" t="s">
        <v>1321</v>
      </c>
      <c r="D136" s="3" t="s">
        <v>1322</v>
      </c>
      <c r="E136" s="3" t="s">
        <v>1323</v>
      </c>
      <c r="F136" s="3" t="s">
        <v>1323</v>
      </c>
      <c r="G136" s="3" t="s">
        <v>1324</v>
      </c>
      <c r="H136" s="3" t="s">
        <v>1325</v>
      </c>
      <c r="I136" s="3" t="s">
        <v>1326</v>
      </c>
      <c r="J136" s="3" t="s">
        <v>1326</v>
      </c>
      <c r="K136" s="3" t="s">
        <v>1327</v>
      </c>
      <c r="L136" s="3" t="s">
        <v>1328</v>
      </c>
    </row>
    <row r="137" spans="1:12" x14ac:dyDescent="0.2">
      <c r="A137" s="4" t="s">
        <v>499</v>
      </c>
      <c r="B137" s="6" t="s">
        <v>1329</v>
      </c>
      <c r="C137" s="2" t="s">
        <v>1330</v>
      </c>
      <c r="D137" s="2" t="s">
        <v>1331</v>
      </c>
      <c r="E137" s="2" t="s">
        <v>1331</v>
      </c>
      <c r="F137" s="2" t="s">
        <v>1331</v>
      </c>
      <c r="G137" s="2" t="s">
        <v>1332</v>
      </c>
      <c r="H137" s="2" t="s">
        <v>49</v>
      </c>
      <c r="I137" s="2" t="s">
        <v>1333</v>
      </c>
      <c r="J137" s="2" t="s">
        <v>1333</v>
      </c>
      <c r="K137" s="2" t="s">
        <v>1334</v>
      </c>
      <c r="L137" s="2" t="s">
        <v>1335</v>
      </c>
    </row>
    <row r="138" spans="1:12" x14ac:dyDescent="0.2">
      <c r="A138" s="4" t="s">
        <v>501</v>
      </c>
      <c r="B138" s="6" t="s">
        <v>923</v>
      </c>
      <c r="C138" s="2" t="s">
        <v>1336</v>
      </c>
      <c r="D138" s="2" t="s">
        <v>1337</v>
      </c>
      <c r="E138" s="2" t="s">
        <v>1338</v>
      </c>
      <c r="F138" s="2" t="s">
        <v>1338</v>
      </c>
      <c r="G138" s="2" t="s">
        <v>216</v>
      </c>
      <c r="H138" s="2" t="s">
        <v>1339</v>
      </c>
      <c r="I138" s="2" t="s">
        <v>1340</v>
      </c>
      <c r="J138" s="2" t="s">
        <v>1340</v>
      </c>
      <c r="K138" s="2" t="s">
        <v>1341</v>
      </c>
      <c r="L138" s="2" t="s">
        <v>1342</v>
      </c>
    </row>
    <row r="139" spans="1:12" x14ac:dyDescent="0.2">
      <c r="A139" s="4" t="s">
        <v>503</v>
      </c>
      <c r="B139" s="6" t="s">
        <v>1343</v>
      </c>
      <c r="C139" s="2" t="s">
        <v>1344</v>
      </c>
      <c r="D139" s="2" t="s">
        <v>1344</v>
      </c>
      <c r="E139" s="2" t="s">
        <v>1345</v>
      </c>
      <c r="F139" s="2" t="s">
        <v>1345</v>
      </c>
      <c r="G139" s="2" t="s">
        <v>1011</v>
      </c>
      <c r="H139" s="2" t="s">
        <v>1346</v>
      </c>
      <c r="I139" s="2" t="s">
        <v>49</v>
      </c>
      <c r="J139" s="2" t="s">
        <v>49</v>
      </c>
      <c r="K139" s="2" t="s">
        <v>49</v>
      </c>
      <c r="L139" s="2" t="s">
        <v>1344</v>
      </c>
    </row>
    <row r="140" spans="1:12" x14ac:dyDescent="0.2">
      <c r="A140" s="4" t="s">
        <v>505</v>
      </c>
      <c r="B140" s="6" t="s">
        <v>1347</v>
      </c>
      <c r="C140" s="2" t="s">
        <v>1348</v>
      </c>
      <c r="D140" s="2" t="s">
        <v>1348</v>
      </c>
      <c r="E140" s="2" t="s">
        <v>1348</v>
      </c>
      <c r="F140" s="2" t="s">
        <v>1348</v>
      </c>
      <c r="G140" s="2" t="s">
        <v>1349</v>
      </c>
      <c r="H140" s="2" t="s">
        <v>49</v>
      </c>
      <c r="I140" s="2" t="s">
        <v>1350</v>
      </c>
      <c r="J140" s="2" t="s">
        <v>1350</v>
      </c>
      <c r="K140" s="2" t="s">
        <v>1351</v>
      </c>
      <c r="L140" s="2" t="s">
        <v>1352</v>
      </c>
    </row>
    <row r="141" spans="1:12" x14ac:dyDescent="0.2">
      <c r="A141" s="4" t="s">
        <v>507</v>
      </c>
      <c r="B141" s="6" t="s">
        <v>1353</v>
      </c>
      <c r="C141" s="2" t="s">
        <v>1354</v>
      </c>
      <c r="D141" s="2" t="s">
        <v>1355</v>
      </c>
      <c r="E141" s="2" t="s">
        <v>1356</v>
      </c>
      <c r="F141" s="2" t="s">
        <v>1356</v>
      </c>
      <c r="G141" s="2" t="s">
        <v>1357</v>
      </c>
      <c r="H141" s="2" t="s">
        <v>1358</v>
      </c>
      <c r="I141" s="2" t="s">
        <v>1359</v>
      </c>
      <c r="J141" s="2" t="s">
        <v>1359</v>
      </c>
      <c r="K141" s="2" t="s">
        <v>1360</v>
      </c>
      <c r="L141" s="2" t="s">
        <v>1361</v>
      </c>
    </row>
    <row r="142" spans="1:12" x14ac:dyDescent="0.2">
      <c r="A142" s="5" t="s">
        <v>509</v>
      </c>
      <c r="B142" s="7" t="s">
        <v>1362</v>
      </c>
      <c r="C142" s="3" t="s">
        <v>410</v>
      </c>
      <c r="D142" s="3" t="s">
        <v>411</v>
      </c>
      <c r="E142" s="3" t="s">
        <v>49</v>
      </c>
      <c r="F142" s="3" t="s">
        <v>49</v>
      </c>
      <c r="G142" s="3" t="s">
        <v>49</v>
      </c>
      <c r="H142" s="3" t="s">
        <v>411</v>
      </c>
      <c r="I142" s="3" t="s">
        <v>49</v>
      </c>
      <c r="J142" s="3" t="s">
        <v>49</v>
      </c>
      <c r="K142" s="3" t="s">
        <v>49</v>
      </c>
      <c r="L142" s="3" t="s">
        <v>411</v>
      </c>
    </row>
    <row r="143" spans="1:12" x14ac:dyDescent="0.2">
      <c r="A143" s="4" t="s">
        <v>511</v>
      </c>
      <c r="B143" s="6" t="s">
        <v>1363</v>
      </c>
      <c r="C143" s="2" t="s">
        <v>410</v>
      </c>
      <c r="D143" s="2" t="s">
        <v>411</v>
      </c>
      <c r="E143" s="2" t="s">
        <v>49</v>
      </c>
      <c r="F143" s="2" t="s">
        <v>49</v>
      </c>
      <c r="G143" s="2" t="s">
        <v>49</v>
      </c>
      <c r="H143" s="2" t="s">
        <v>411</v>
      </c>
      <c r="I143" s="2" t="s">
        <v>49</v>
      </c>
      <c r="J143" s="2" t="s">
        <v>49</v>
      </c>
      <c r="K143" s="2" t="s">
        <v>49</v>
      </c>
      <c r="L143" s="2" t="s">
        <v>411</v>
      </c>
    </row>
    <row r="144" spans="1:12" x14ac:dyDescent="0.2">
      <c r="A144" s="5" t="s">
        <v>514</v>
      </c>
      <c r="B144" s="7" t="s">
        <v>1364</v>
      </c>
      <c r="C144" s="3" t="s">
        <v>414</v>
      </c>
      <c r="D144" s="3" t="s">
        <v>415</v>
      </c>
      <c r="E144" s="3" t="s">
        <v>416</v>
      </c>
      <c r="F144" s="3" t="s">
        <v>416</v>
      </c>
      <c r="G144" s="3" t="s">
        <v>1365</v>
      </c>
      <c r="H144" s="3" t="s">
        <v>417</v>
      </c>
      <c r="I144" s="3" t="s">
        <v>418</v>
      </c>
      <c r="J144" s="3" t="s">
        <v>418</v>
      </c>
      <c r="K144" s="3" t="s">
        <v>1366</v>
      </c>
      <c r="L144" s="3" t="s">
        <v>419</v>
      </c>
    </row>
    <row r="145" spans="1:12" x14ac:dyDescent="0.2">
      <c r="A145" s="5" t="s">
        <v>516</v>
      </c>
      <c r="B145" s="7" t="s">
        <v>630</v>
      </c>
      <c r="C145" s="3" t="s">
        <v>1367</v>
      </c>
      <c r="D145" s="3" t="s">
        <v>1368</v>
      </c>
      <c r="E145" s="3" t="s">
        <v>1369</v>
      </c>
      <c r="F145" s="3" t="s">
        <v>1369</v>
      </c>
      <c r="G145" s="3" t="s">
        <v>1370</v>
      </c>
      <c r="H145" s="3" t="s">
        <v>1371</v>
      </c>
      <c r="I145" s="3" t="s">
        <v>1372</v>
      </c>
      <c r="J145" s="3" t="s">
        <v>1372</v>
      </c>
      <c r="K145" s="3" t="s">
        <v>1373</v>
      </c>
      <c r="L145" s="3" t="s">
        <v>1374</v>
      </c>
    </row>
    <row r="146" spans="1:12" x14ac:dyDescent="0.2">
      <c r="A146" s="4" t="s">
        <v>518</v>
      </c>
      <c r="B146" s="6" t="s">
        <v>639</v>
      </c>
      <c r="C146" s="2" t="s">
        <v>1375</v>
      </c>
      <c r="D146" s="2" t="s">
        <v>1376</v>
      </c>
      <c r="E146" s="2" t="s">
        <v>1377</v>
      </c>
      <c r="F146" s="2" t="s">
        <v>1377</v>
      </c>
      <c r="G146" s="2" t="s">
        <v>799</v>
      </c>
      <c r="H146" s="2" t="s">
        <v>1378</v>
      </c>
      <c r="I146" s="2" t="s">
        <v>1377</v>
      </c>
      <c r="J146" s="2" t="s">
        <v>1377</v>
      </c>
      <c r="K146" s="2" t="s">
        <v>1104</v>
      </c>
      <c r="L146" s="2" t="s">
        <v>1378</v>
      </c>
    </row>
    <row r="147" spans="1:12" x14ac:dyDescent="0.2">
      <c r="A147" s="4" t="s">
        <v>520</v>
      </c>
      <c r="B147" s="6" t="s">
        <v>648</v>
      </c>
      <c r="C147" s="2" t="s">
        <v>1379</v>
      </c>
      <c r="D147" s="2" t="s">
        <v>1379</v>
      </c>
      <c r="E147" s="2" t="s">
        <v>1380</v>
      </c>
      <c r="F147" s="2" t="s">
        <v>1380</v>
      </c>
      <c r="G147" s="2" t="s">
        <v>1381</v>
      </c>
      <c r="H147" s="2" t="s">
        <v>1382</v>
      </c>
      <c r="I147" s="2" t="s">
        <v>1383</v>
      </c>
      <c r="J147" s="2" t="s">
        <v>1383</v>
      </c>
      <c r="K147" s="2" t="s">
        <v>871</v>
      </c>
      <c r="L147" s="2" t="s">
        <v>1384</v>
      </c>
    </row>
    <row r="148" spans="1:12" x14ac:dyDescent="0.2">
      <c r="A148" s="5" t="s">
        <v>522</v>
      </c>
      <c r="B148" s="7" t="s">
        <v>656</v>
      </c>
      <c r="C148" s="3" t="s">
        <v>1385</v>
      </c>
      <c r="D148" s="3" t="s">
        <v>1386</v>
      </c>
      <c r="E148" s="3" t="s">
        <v>1387</v>
      </c>
      <c r="F148" s="3" t="s">
        <v>1387</v>
      </c>
      <c r="G148" s="3" t="s">
        <v>1388</v>
      </c>
      <c r="H148" s="3" t="s">
        <v>1389</v>
      </c>
      <c r="I148" s="3" t="s">
        <v>1390</v>
      </c>
      <c r="J148" s="3" t="s">
        <v>1390</v>
      </c>
      <c r="K148" s="3" t="s">
        <v>1391</v>
      </c>
      <c r="L148" s="3" t="s">
        <v>1392</v>
      </c>
    </row>
    <row r="149" spans="1:12" x14ac:dyDescent="0.2">
      <c r="A149" s="4" t="s">
        <v>524</v>
      </c>
      <c r="B149" s="6" t="s">
        <v>665</v>
      </c>
      <c r="C149" s="2" t="s">
        <v>1385</v>
      </c>
      <c r="D149" s="2" t="s">
        <v>1386</v>
      </c>
      <c r="E149" s="2" t="s">
        <v>1387</v>
      </c>
      <c r="F149" s="2" t="s">
        <v>1387</v>
      </c>
      <c r="G149" s="2" t="s">
        <v>1388</v>
      </c>
      <c r="H149" s="2" t="s">
        <v>1389</v>
      </c>
      <c r="I149" s="2" t="s">
        <v>1390</v>
      </c>
      <c r="J149" s="2" t="s">
        <v>1390</v>
      </c>
      <c r="K149" s="2" t="s">
        <v>1391</v>
      </c>
      <c r="L149" s="2" t="s">
        <v>1392</v>
      </c>
    </row>
    <row r="150" spans="1:12" x14ac:dyDescent="0.2">
      <c r="A150" s="5" t="s">
        <v>526</v>
      </c>
      <c r="B150" s="7" t="s">
        <v>668</v>
      </c>
      <c r="C150" s="3" t="s">
        <v>1393</v>
      </c>
      <c r="D150" s="3" t="s">
        <v>1394</v>
      </c>
      <c r="E150" s="3" t="s">
        <v>1395</v>
      </c>
      <c r="F150" s="3" t="s">
        <v>1395</v>
      </c>
      <c r="G150" s="3" t="s">
        <v>702</v>
      </c>
      <c r="H150" s="3" t="s">
        <v>1396</v>
      </c>
      <c r="I150" s="3" t="s">
        <v>1397</v>
      </c>
      <c r="J150" s="3" t="s">
        <v>1397</v>
      </c>
      <c r="K150" s="3" t="s">
        <v>1398</v>
      </c>
      <c r="L150" s="3" t="s">
        <v>1399</v>
      </c>
    </row>
    <row r="151" spans="1:12" x14ac:dyDescent="0.2">
      <c r="A151" s="4" t="s">
        <v>528</v>
      </c>
      <c r="B151" s="6" t="s">
        <v>677</v>
      </c>
      <c r="C151" s="2" t="s">
        <v>1400</v>
      </c>
      <c r="D151" s="2" t="s">
        <v>1400</v>
      </c>
      <c r="E151" s="2" t="s">
        <v>1401</v>
      </c>
      <c r="F151" s="2" t="s">
        <v>1401</v>
      </c>
      <c r="G151" s="2" t="s">
        <v>799</v>
      </c>
      <c r="H151" s="2" t="s">
        <v>1402</v>
      </c>
      <c r="I151" s="2" t="s">
        <v>1403</v>
      </c>
      <c r="J151" s="2" t="s">
        <v>1403</v>
      </c>
      <c r="K151" s="2" t="s">
        <v>871</v>
      </c>
      <c r="L151" s="2" t="s">
        <v>1404</v>
      </c>
    </row>
    <row r="152" spans="1:12" x14ac:dyDescent="0.2">
      <c r="A152" s="4" t="s">
        <v>534</v>
      </c>
      <c r="B152" s="6" t="s">
        <v>684</v>
      </c>
      <c r="C152" s="2" t="s">
        <v>1405</v>
      </c>
      <c r="D152" s="2" t="s">
        <v>1406</v>
      </c>
      <c r="E152" s="2" t="s">
        <v>1407</v>
      </c>
      <c r="F152" s="2" t="s">
        <v>1407</v>
      </c>
      <c r="G152" s="2" t="s">
        <v>845</v>
      </c>
      <c r="H152" s="2" t="s">
        <v>1408</v>
      </c>
      <c r="I152" s="2" t="s">
        <v>1407</v>
      </c>
      <c r="J152" s="2" t="s">
        <v>1407</v>
      </c>
      <c r="K152" s="2" t="s">
        <v>1027</v>
      </c>
      <c r="L152" s="2" t="s">
        <v>1408</v>
      </c>
    </row>
    <row r="153" spans="1:12" x14ac:dyDescent="0.2">
      <c r="A153" s="4" t="s">
        <v>537</v>
      </c>
      <c r="B153" s="6" t="s">
        <v>707</v>
      </c>
      <c r="C153" s="2" t="s">
        <v>1409</v>
      </c>
      <c r="D153" s="2" t="s">
        <v>1409</v>
      </c>
      <c r="E153" s="2" t="s">
        <v>1410</v>
      </c>
      <c r="F153" s="2" t="s">
        <v>1410</v>
      </c>
      <c r="G153" s="2" t="s">
        <v>799</v>
      </c>
      <c r="H153" s="2" t="s">
        <v>1411</v>
      </c>
      <c r="I153" s="2" t="s">
        <v>1412</v>
      </c>
      <c r="J153" s="2" t="s">
        <v>1412</v>
      </c>
      <c r="K153" s="2" t="s">
        <v>1413</v>
      </c>
      <c r="L153" s="2" t="s">
        <v>1414</v>
      </c>
    </row>
    <row r="154" spans="1:12" x14ac:dyDescent="0.2">
      <c r="A154" s="5" t="s">
        <v>539</v>
      </c>
      <c r="B154" s="7" t="s">
        <v>715</v>
      </c>
      <c r="C154" s="3" t="s">
        <v>1415</v>
      </c>
      <c r="D154" s="3" t="s">
        <v>1416</v>
      </c>
      <c r="E154" s="3" t="s">
        <v>1417</v>
      </c>
      <c r="F154" s="3" t="s">
        <v>1417</v>
      </c>
      <c r="G154" s="3" t="s">
        <v>1418</v>
      </c>
      <c r="H154" s="3" t="s">
        <v>1419</v>
      </c>
      <c r="I154" s="3" t="s">
        <v>1420</v>
      </c>
      <c r="J154" s="3" t="s">
        <v>1420</v>
      </c>
      <c r="K154" s="3" t="s">
        <v>1421</v>
      </c>
      <c r="L154" s="3" t="s">
        <v>1422</v>
      </c>
    </row>
    <row r="155" spans="1:12" x14ac:dyDescent="0.2">
      <c r="A155" s="4" t="s">
        <v>541</v>
      </c>
      <c r="B155" s="6" t="s">
        <v>693</v>
      </c>
      <c r="C155" s="2" t="s">
        <v>1423</v>
      </c>
      <c r="D155" s="2" t="s">
        <v>1424</v>
      </c>
      <c r="E155" s="2" t="s">
        <v>1425</v>
      </c>
      <c r="F155" s="2" t="s">
        <v>1425</v>
      </c>
      <c r="G155" s="2" t="s">
        <v>1030</v>
      </c>
      <c r="H155" s="2" t="s">
        <v>1426</v>
      </c>
      <c r="I155" s="2" t="s">
        <v>1427</v>
      </c>
      <c r="J155" s="2" t="s">
        <v>1427</v>
      </c>
      <c r="K155" s="2" t="s">
        <v>1381</v>
      </c>
      <c r="L155" s="2" t="s">
        <v>1428</v>
      </c>
    </row>
    <row r="156" spans="1:12" x14ac:dyDescent="0.2">
      <c r="A156" s="4" t="s">
        <v>543</v>
      </c>
      <c r="B156" s="6" t="s">
        <v>731</v>
      </c>
      <c r="C156" s="2" t="s">
        <v>1429</v>
      </c>
      <c r="D156" s="2" t="s">
        <v>1430</v>
      </c>
      <c r="E156" s="2" t="s">
        <v>1431</v>
      </c>
      <c r="F156" s="2" t="s">
        <v>1431</v>
      </c>
      <c r="G156" s="2" t="s">
        <v>1432</v>
      </c>
      <c r="H156" s="2" t="s">
        <v>1433</v>
      </c>
      <c r="I156" s="2" t="s">
        <v>1434</v>
      </c>
      <c r="J156" s="2" t="s">
        <v>1434</v>
      </c>
      <c r="K156" s="2" t="s">
        <v>1435</v>
      </c>
      <c r="L156" s="2" t="s">
        <v>1436</v>
      </c>
    </row>
    <row r="157" spans="1:12" x14ac:dyDescent="0.2">
      <c r="A157" s="5" t="s">
        <v>547</v>
      </c>
      <c r="B157" s="7" t="s">
        <v>749</v>
      </c>
      <c r="C157" s="3" t="s">
        <v>1437</v>
      </c>
      <c r="D157" s="3" t="s">
        <v>1438</v>
      </c>
      <c r="E157" s="3" t="s">
        <v>1439</v>
      </c>
      <c r="F157" s="3" t="s">
        <v>1439</v>
      </c>
      <c r="G157" s="3" t="s">
        <v>1440</v>
      </c>
      <c r="H157" s="3" t="s">
        <v>1441</v>
      </c>
      <c r="I157" s="3" t="s">
        <v>1442</v>
      </c>
      <c r="J157" s="3" t="s">
        <v>1442</v>
      </c>
      <c r="K157" s="3" t="s">
        <v>1443</v>
      </c>
      <c r="L157" s="3" t="s">
        <v>1444</v>
      </c>
    </row>
    <row r="158" spans="1:12" x14ac:dyDescent="0.2">
      <c r="A158" s="4" t="s">
        <v>549</v>
      </c>
      <c r="B158" s="6" t="s">
        <v>758</v>
      </c>
      <c r="C158" s="2" t="s">
        <v>1437</v>
      </c>
      <c r="D158" s="2" t="s">
        <v>1438</v>
      </c>
      <c r="E158" s="2" t="s">
        <v>1439</v>
      </c>
      <c r="F158" s="2" t="s">
        <v>1439</v>
      </c>
      <c r="G158" s="2" t="s">
        <v>1440</v>
      </c>
      <c r="H158" s="2" t="s">
        <v>1441</v>
      </c>
      <c r="I158" s="2" t="s">
        <v>1442</v>
      </c>
      <c r="J158" s="2" t="s">
        <v>1442</v>
      </c>
      <c r="K158" s="2" t="s">
        <v>1443</v>
      </c>
      <c r="L158" s="2" t="s">
        <v>1444</v>
      </c>
    </row>
    <row r="159" spans="1:12" x14ac:dyDescent="0.2">
      <c r="A159" s="5" t="s">
        <v>551</v>
      </c>
      <c r="B159" s="7" t="s">
        <v>772</v>
      </c>
      <c r="C159" s="3" t="s">
        <v>1445</v>
      </c>
      <c r="D159" s="3" t="s">
        <v>1445</v>
      </c>
      <c r="E159" s="3" t="s">
        <v>1446</v>
      </c>
      <c r="F159" s="3" t="s">
        <v>1446</v>
      </c>
      <c r="G159" s="3" t="s">
        <v>978</v>
      </c>
      <c r="H159" s="3" t="s">
        <v>1447</v>
      </c>
      <c r="I159" s="3" t="s">
        <v>1448</v>
      </c>
      <c r="J159" s="3" t="s">
        <v>1448</v>
      </c>
      <c r="K159" s="3" t="s">
        <v>799</v>
      </c>
      <c r="L159" s="3" t="s">
        <v>1449</v>
      </c>
    </row>
    <row r="160" spans="1:12" x14ac:dyDescent="0.2">
      <c r="A160" s="4" t="s">
        <v>552</v>
      </c>
      <c r="B160" s="6" t="s">
        <v>783</v>
      </c>
      <c r="C160" s="2" t="s">
        <v>1445</v>
      </c>
      <c r="D160" s="2" t="s">
        <v>1445</v>
      </c>
      <c r="E160" s="2" t="s">
        <v>1446</v>
      </c>
      <c r="F160" s="2" t="s">
        <v>1446</v>
      </c>
      <c r="G160" s="2" t="s">
        <v>978</v>
      </c>
      <c r="H160" s="2" t="s">
        <v>1447</v>
      </c>
      <c r="I160" s="2" t="s">
        <v>1448</v>
      </c>
      <c r="J160" s="2" t="s">
        <v>1448</v>
      </c>
      <c r="K160" s="2" t="s">
        <v>799</v>
      </c>
      <c r="L160" s="2" t="s">
        <v>1449</v>
      </c>
    </row>
    <row r="161" spans="1:12" x14ac:dyDescent="0.2">
      <c r="A161" s="5" t="s">
        <v>553</v>
      </c>
      <c r="B161" s="7" t="s">
        <v>802</v>
      </c>
      <c r="C161" s="3" t="s">
        <v>49</v>
      </c>
      <c r="D161" s="3" t="s">
        <v>1450</v>
      </c>
      <c r="E161" s="3" t="s">
        <v>1450</v>
      </c>
      <c r="F161" s="3" t="s">
        <v>1450</v>
      </c>
      <c r="G161" s="3" t="s">
        <v>49</v>
      </c>
      <c r="H161" s="3" t="s">
        <v>49</v>
      </c>
      <c r="I161" s="3" t="s">
        <v>1451</v>
      </c>
      <c r="J161" s="3" t="s">
        <v>1451</v>
      </c>
      <c r="K161" s="3" t="s">
        <v>49</v>
      </c>
      <c r="L161" s="3" t="s">
        <v>1452</v>
      </c>
    </row>
    <row r="162" spans="1:12" x14ac:dyDescent="0.2">
      <c r="A162" s="4" t="s">
        <v>555</v>
      </c>
      <c r="B162" s="6" t="s">
        <v>811</v>
      </c>
      <c r="C162" s="2" t="s">
        <v>49</v>
      </c>
      <c r="D162" s="2" t="s">
        <v>1450</v>
      </c>
      <c r="E162" s="2" t="s">
        <v>1450</v>
      </c>
      <c r="F162" s="2" t="s">
        <v>1450</v>
      </c>
      <c r="G162" s="2" t="s">
        <v>49</v>
      </c>
      <c r="H162" s="2" t="s">
        <v>49</v>
      </c>
      <c r="I162" s="2" t="s">
        <v>1451</v>
      </c>
      <c r="J162" s="2" t="s">
        <v>1451</v>
      </c>
      <c r="K162" s="2" t="s">
        <v>49</v>
      </c>
      <c r="L162" s="2" t="s">
        <v>1452</v>
      </c>
    </row>
    <row r="163" spans="1:12" x14ac:dyDescent="0.2">
      <c r="A163" s="5" t="s">
        <v>557</v>
      </c>
      <c r="B163" s="7" t="s">
        <v>812</v>
      </c>
      <c r="C163" s="3" t="s">
        <v>1453</v>
      </c>
      <c r="D163" s="3" t="s">
        <v>1454</v>
      </c>
      <c r="E163" s="3" t="s">
        <v>1455</v>
      </c>
      <c r="F163" s="3" t="s">
        <v>1455</v>
      </c>
      <c r="G163" s="3" t="s">
        <v>1381</v>
      </c>
      <c r="H163" s="3" t="s">
        <v>1456</v>
      </c>
      <c r="I163" s="3" t="s">
        <v>1457</v>
      </c>
      <c r="J163" s="3" t="s">
        <v>1457</v>
      </c>
      <c r="K163" s="3" t="s">
        <v>1458</v>
      </c>
      <c r="L163" s="3" t="s">
        <v>1459</v>
      </c>
    </row>
    <row r="164" spans="1:12" x14ac:dyDescent="0.2">
      <c r="A164" s="4" t="s">
        <v>559</v>
      </c>
      <c r="B164" s="6" t="s">
        <v>821</v>
      </c>
      <c r="C164" s="2" t="s">
        <v>49</v>
      </c>
      <c r="D164" s="2" t="s">
        <v>49</v>
      </c>
      <c r="E164" s="2" t="s">
        <v>49</v>
      </c>
      <c r="F164" s="2" t="s">
        <v>49</v>
      </c>
      <c r="G164" s="2" t="s">
        <v>49</v>
      </c>
      <c r="H164" s="2" t="s">
        <v>49</v>
      </c>
      <c r="I164" s="2" t="s">
        <v>49</v>
      </c>
      <c r="J164" s="2" t="s">
        <v>49</v>
      </c>
      <c r="K164" s="2" t="s">
        <v>49</v>
      </c>
      <c r="L164" s="2" t="s">
        <v>49</v>
      </c>
    </row>
    <row r="165" spans="1:12" x14ac:dyDescent="0.2">
      <c r="A165" s="4" t="s">
        <v>561</v>
      </c>
      <c r="B165" s="6" t="s">
        <v>693</v>
      </c>
      <c r="C165" s="2" t="s">
        <v>1460</v>
      </c>
      <c r="D165" s="2" t="s">
        <v>1461</v>
      </c>
      <c r="E165" s="2" t="s">
        <v>1462</v>
      </c>
      <c r="F165" s="2" t="s">
        <v>1462</v>
      </c>
      <c r="G165" s="2" t="s">
        <v>705</v>
      </c>
      <c r="H165" s="2" t="s">
        <v>1463</v>
      </c>
      <c r="I165" s="2" t="s">
        <v>1464</v>
      </c>
      <c r="J165" s="2" t="s">
        <v>1464</v>
      </c>
      <c r="K165" s="2" t="s">
        <v>1228</v>
      </c>
      <c r="L165" s="2" t="s">
        <v>1465</v>
      </c>
    </row>
    <row r="166" spans="1:12" x14ac:dyDescent="0.2">
      <c r="A166" s="4" t="s">
        <v>563</v>
      </c>
      <c r="B166" s="6" t="s">
        <v>850</v>
      </c>
      <c r="C166" s="2" t="s">
        <v>1466</v>
      </c>
      <c r="D166" s="2" t="s">
        <v>1466</v>
      </c>
      <c r="E166" s="2" t="s">
        <v>49</v>
      </c>
      <c r="F166" s="2" t="s">
        <v>49</v>
      </c>
      <c r="G166" s="2" t="s">
        <v>49</v>
      </c>
      <c r="H166" s="2" t="s">
        <v>1466</v>
      </c>
      <c r="I166" s="2" t="s">
        <v>49</v>
      </c>
      <c r="J166" s="2" t="s">
        <v>49</v>
      </c>
      <c r="K166" s="2" t="s">
        <v>49</v>
      </c>
      <c r="L166" s="2" t="s">
        <v>1466</v>
      </c>
    </row>
    <row r="167" spans="1:12" x14ac:dyDescent="0.2">
      <c r="A167" s="4" t="s">
        <v>564</v>
      </c>
      <c r="B167" s="6" t="s">
        <v>858</v>
      </c>
      <c r="C167" s="2" t="s">
        <v>1467</v>
      </c>
      <c r="D167" s="2" t="s">
        <v>1468</v>
      </c>
      <c r="E167" s="2" t="s">
        <v>1469</v>
      </c>
      <c r="F167" s="2" t="s">
        <v>1469</v>
      </c>
      <c r="G167" s="2" t="s">
        <v>941</v>
      </c>
      <c r="H167" s="2" t="s">
        <v>1470</v>
      </c>
      <c r="I167" s="2" t="s">
        <v>1471</v>
      </c>
      <c r="J167" s="2" t="s">
        <v>1471</v>
      </c>
      <c r="K167" s="2" t="s">
        <v>1228</v>
      </c>
      <c r="L167" s="2" t="s">
        <v>1472</v>
      </c>
    </row>
    <row r="168" spans="1:12" x14ac:dyDescent="0.2">
      <c r="A168" s="4" t="s">
        <v>565</v>
      </c>
      <c r="B168" s="6" t="s">
        <v>867</v>
      </c>
      <c r="C168" s="2" t="s">
        <v>1473</v>
      </c>
      <c r="D168" s="2" t="s">
        <v>1473</v>
      </c>
      <c r="E168" s="2" t="s">
        <v>49</v>
      </c>
      <c r="F168" s="2" t="s">
        <v>49</v>
      </c>
      <c r="G168" s="2" t="s">
        <v>49</v>
      </c>
      <c r="H168" s="2" t="s">
        <v>1473</v>
      </c>
      <c r="I168" s="2" t="s">
        <v>49</v>
      </c>
      <c r="J168" s="2" t="s">
        <v>49</v>
      </c>
      <c r="K168" s="2" t="s">
        <v>49</v>
      </c>
      <c r="L168" s="2" t="s">
        <v>1473</v>
      </c>
    </row>
    <row r="169" spans="1:12" x14ac:dyDescent="0.2">
      <c r="A169" s="4" t="s">
        <v>566</v>
      </c>
      <c r="B169" s="6" t="s">
        <v>888</v>
      </c>
      <c r="C169" s="2" t="s">
        <v>1474</v>
      </c>
      <c r="D169" s="2" t="s">
        <v>1474</v>
      </c>
      <c r="E169" s="2" t="s">
        <v>49</v>
      </c>
      <c r="F169" s="2" t="s">
        <v>49</v>
      </c>
      <c r="G169" s="2" t="s">
        <v>49</v>
      </c>
      <c r="H169" s="2" t="s">
        <v>1474</v>
      </c>
      <c r="I169" s="2" t="s">
        <v>49</v>
      </c>
      <c r="J169" s="2" t="s">
        <v>49</v>
      </c>
      <c r="K169" s="2" t="s">
        <v>49</v>
      </c>
      <c r="L169" s="2" t="s">
        <v>1474</v>
      </c>
    </row>
    <row r="170" spans="1:12" x14ac:dyDescent="0.2">
      <c r="A170" s="5" t="s">
        <v>567</v>
      </c>
      <c r="B170" s="7" t="s">
        <v>929</v>
      </c>
      <c r="C170" s="3" t="s">
        <v>1475</v>
      </c>
      <c r="D170" s="3" t="s">
        <v>1476</v>
      </c>
      <c r="E170" s="3" t="s">
        <v>1477</v>
      </c>
      <c r="F170" s="3" t="s">
        <v>1477</v>
      </c>
      <c r="G170" s="3" t="s">
        <v>827</v>
      </c>
      <c r="H170" s="3" t="s">
        <v>1478</v>
      </c>
      <c r="I170" s="3" t="s">
        <v>1479</v>
      </c>
      <c r="J170" s="3" t="s">
        <v>1479</v>
      </c>
      <c r="K170" s="3" t="s">
        <v>769</v>
      </c>
      <c r="L170" s="3" t="s">
        <v>1480</v>
      </c>
    </row>
    <row r="171" spans="1:12" x14ac:dyDescent="0.2">
      <c r="A171" s="4" t="s">
        <v>569</v>
      </c>
      <c r="B171" s="6" t="s">
        <v>693</v>
      </c>
      <c r="C171" s="2" t="s">
        <v>1475</v>
      </c>
      <c r="D171" s="2" t="s">
        <v>1476</v>
      </c>
      <c r="E171" s="2" t="s">
        <v>1477</v>
      </c>
      <c r="F171" s="2" t="s">
        <v>1477</v>
      </c>
      <c r="G171" s="2" t="s">
        <v>827</v>
      </c>
      <c r="H171" s="2" t="s">
        <v>1478</v>
      </c>
      <c r="I171" s="2" t="s">
        <v>1479</v>
      </c>
      <c r="J171" s="2" t="s">
        <v>1479</v>
      </c>
      <c r="K171" s="2" t="s">
        <v>769</v>
      </c>
      <c r="L171" s="2" t="s">
        <v>1480</v>
      </c>
    </row>
    <row r="172" spans="1:12" x14ac:dyDescent="0.2">
      <c r="A172" s="5" t="s">
        <v>570</v>
      </c>
      <c r="B172" s="7" t="s">
        <v>950</v>
      </c>
      <c r="C172" s="3" t="s">
        <v>1481</v>
      </c>
      <c r="D172" s="3" t="s">
        <v>1482</v>
      </c>
      <c r="E172" s="3" t="s">
        <v>1483</v>
      </c>
      <c r="F172" s="3" t="s">
        <v>1483</v>
      </c>
      <c r="G172" s="3" t="s">
        <v>1484</v>
      </c>
      <c r="H172" s="3" t="s">
        <v>1485</v>
      </c>
      <c r="I172" s="3" t="s">
        <v>1486</v>
      </c>
      <c r="J172" s="3" t="s">
        <v>1486</v>
      </c>
      <c r="K172" s="3" t="s">
        <v>1487</v>
      </c>
      <c r="L172" s="3" t="s">
        <v>1488</v>
      </c>
    </row>
    <row r="173" spans="1:12" x14ac:dyDescent="0.2">
      <c r="A173" s="4" t="s">
        <v>571</v>
      </c>
      <c r="B173" s="6" t="s">
        <v>693</v>
      </c>
      <c r="C173" s="2" t="s">
        <v>1481</v>
      </c>
      <c r="D173" s="2" t="s">
        <v>1482</v>
      </c>
      <c r="E173" s="2" t="s">
        <v>1483</v>
      </c>
      <c r="F173" s="2" t="s">
        <v>1483</v>
      </c>
      <c r="G173" s="2" t="s">
        <v>1484</v>
      </c>
      <c r="H173" s="2" t="s">
        <v>1485</v>
      </c>
      <c r="I173" s="2" t="s">
        <v>1486</v>
      </c>
      <c r="J173" s="2" t="s">
        <v>1486</v>
      </c>
      <c r="K173" s="2" t="s">
        <v>1487</v>
      </c>
      <c r="L173" s="2" t="s">
        <v>1488</v>
      </c>
    </row>
    <row r="174" spans="1:12" x14ac:dyDescent="0.2">
      <c r="A174" s="5" t="s">
        <v>573</v>
      </c>
      <c r="B174" s="7" t="s">
        <v>1024</v>
      </c>
      <c r="C174" s="3" t="s">
        <v>1489</v>
      </c>
      <c r="D174" s="3" t="s">
        <v>1489</v>
      </c>
      <c r="E174" s="3" t="s">
        <v>1490</v>
      </c>
      <c r="F174" s="3" t="s">
        <v>1490</v>
      </c>
      <c r="G174" s="3" t="s">
        <v>827</v>
      </c>
      <c r="H174" s="3" t="s">
        <v>1491</v>
      </c>
      <c r="I174" s="3" t="s">
        <v>1492</v>
      </c>
      <c r="J174" s="3" t="s">
        <v>1492</v>
      </c>
      <c r="K174" s="3" t="s">
        <v>827</v>
      </c>
      <c r="L174" s="3" t="s">
        <v>1493</v>
      </c>
    </row>
    <row r="175" spans="1:12" x14ac:dyDescent="0.2">
      <c r="A175" s="4" t="s">
        <v>575</v>
      </c>
      <c r="B175" s="6" t="s">
        <v>1032</v>
      </c>
      <c r="C175" s="2" t="s">
        <v>1489</v>
      </c>
      <c r="D175" s="2" t="s">
        <v>1489</v>
      </c>
      <c r="E175" s="2" t="s">
        <v>1490</v>
      </c>
      <c r="F175" s="2" t="s">
        <v>1490</v>
      </c>
      <c r="G175" s="2" t="s">
        <v>827</v>
      </c>
      <c r="H175" s="2" t="s">
        <v>1491</v>
      </c>
      <c r="I175" s="2" t="s">
        <v>1492</v>
      </c>
      <c r="J175" s="2" t="s">
        <v>1492</v>
      </c>
      <c r="K175" s="2" t="s">
        <v>827</v>
      </c>
      <c r="L175" s="2" t="s">
        <v>1493</v>
      </c>
    </row>
    <row r="176" spans="1:12" x14ac:dyDescent="0.2">
      <c r="A176" s="5" t="s">
        <v>577</v>
      </c>
      <c r="B176" s="7" t="s">
        <v>1038</v>
      </c>
      <c r="C176" s="3" t="s">
        <v>1494</v>
      </c>
      <c r="D176" s="3" t="s">
        <v>1495</v>
      </c>
      <c r="E176" s="3" t="s">
        <v>1496</v>
      </c>
      <c r="F176" s="3" t="s">
        <v>1496</v>
      </c>
      <c r="G176" s="3" t="s">
        <v>705</v>
      </c>
      <c r="H176" s="3" t="s">
        <v>1497</v>
      </c>
      <c r="I176" s="3" t="s">
        <v>1498</v>
      </c>
      <c r="J176" s="3" t="s">
        <v>1498</v>
      </c>
      <c r="K176" s="3" t="s">
        <v>1499</v>
      </c>
      <c r="L176" s="3" t="s">
        <v>1500</v>
      </c>
    </row>
    <row r="177" spans="1:12" x14ac:dyDescent="0.2">
      <c r="A177" s="4" t="s">
        <v>579</v>
      </c>
      <c r="B177" s="6" t="s">
        <v>1046</v>
      </c>
      <c r="C177" s="2" t="s">
        <v>1501</v>
      </c>
      <c r="D177" s="2" t="s">
        <v>1502</v>
      </c>
      <c r="E177" s="2" t="s">
        <v>1503</v>
      </c>
      <c r="F177" s="2" t="s">
        <v>1503</v>
      </c>
      <c r="G177" s="2" t="s">
        <v>49</v>
      </c>
      <c r="H177" s="2" t="s">
        <v>1504</v>
      </c>
      <c r="I177" s="2" t="s">
        <v>1503</v>
      </c>
      <c r="J177" s="2" t="s">
        <v>1503</v>
      </c>
      <c r="K177" s="2" t="s">
        <v>49</v>
      </c>
      <c r="L177" s="2" t="s">
        <v>1504</v>
      </c>
    </row>
    <row r="178" spans="1:12" x14ac:dyDescent="0.2">
      <c r="A178" s="4" t="s">
        <v>581</v>
      </c>
      <c r="B178" s="6" t="s">
        <v>1053</v>
      </c>
      <c r="C178" s="2" t="s">
        <v>1505</v>
      </c>
      <c r="D178" s="2" t="s">
        <v>1506</v>
      </c>
      <c r="E178" s="2" t="s">
        <v>1507</v>
      </c>
      <c r="F178" s="2" t="s">
        <v>1507</v>
      </c>
      <c r="G178" s="2" t="s">
        <v>705</v>
      </c>
      <c r="H178" s="2" t="s">
        <v>1508</v>
      </c>
      <c r="I178" s="2" t="s">
        <v>1509</v>
      </c>
      <c r="J178" s="2" t="s">
        <v>1509</v>
      </c>
      <c r="K178" s="2" t="s">
        <v>1499</v>
      </c>
      <c r="L178" s="2" t="s">
        <v>1510</v>
      </c>
    </row>
    <row r="179" spans="1:12" x14ac:dyDescent="0.2">
      <c r="A179" s="5" t="s">
        <v>584</v>
      </c>
      <c r="B179" s="7" t="s">
        <v>1078</v>
      </c>
      <c r="C179" s="3" t="s">
        <v>1511</v>
      </c>
      <c r="D179" s="3" t="s">
        <v>1511</v>
      </c>
      <c r="E179" s="3" t="s">
        <v>1512</v>
      </c>
      <c r="F179" s="3" t="s">
        <v>1512</v>
      </c>
      <c r="G179" s="3" t="s">
        <v>49</v>
      </c>
      <c r="H179" s="3" t="s">
        <v>1513</v>
      </c>
      <c r="I179" s="3" t="s">
        <v>1514</v>
      </c>
      <c r="J179" s="3" t="s">
        <v>1514</v>
      </c>
      <c r="K179" s="3" t="s">
        <v>827</v>
      </c>
      <c r="L179" s="3" t="s">
        <v>1515</v>
      </c>
    </row>
    <row r="180" spans="1:12" x14ac:dyDescent="0.2">
      <c r="A180" s="4" t="s">
        <v>586</v>
      </c>
      <c r="B180" s="6" t="s">
        <v>693</v>
      </c>
      <c r="C180" s="2" t="s">
        <v>1511</v>
      </c>
      <c r="D180" s="2" t="s">
        <v>1511</v>
      </c>
      <c r="E180" s="2" t="s">
        <v>1512</v>
      </c>
      <c r="F180" s="2" t="s">
        <v>1512</v>
      </c>
      <c r="G180" s="2" t="s">
        <v>49</v>
      </c>
      <c r="H180" s="2" t="s">
        <v>1513</v>
      </c>
      <c r="I180" s="2" t="s">
        <v>1514</v>
      </c>
      <c r="J180" s="2" t="s">
        <v>1514</v>
      </c>
      <c r="K180" s="2" t="s">
        <v>827</v>
      </c>
      <c r="L180" s="2" t="s">
        <v>1515</v>
      </c>
    </row>
    <row r="181" spans="1:12" x14ac:dyDescent="0.2">
      <c r="A181" s="5" t="s">
        <v>588</v>
      </c>
      <c r="B181" s="7" t="s">
        <v>1109</v>
      </c>
      <c r="C181" s="3" t="s">
        <v>1516</v>
      </c>
      <c r="D181" s="3" t="s">
        <v>1517</v>
      </c>
      <c r="E181" s="3" t="s">
        <v>1518</v>
      </c>
      <c r="F181" s="3" t="s">
        <v>1518</v>
      </c>
      <c r="G181" s="3" t="s">
        <v>827</v>
      </c>
      <c r="H181" s="3" t="s">
        <v>1519</v>
      </c>
      <c r="I181" s="3" t="s">
        <v>1520</v>
      </c>
      <c r="J181" s="3" t="s">
        <v>1520</v>
      </c>
      <c r="K181" s="3" t="s">
        <v>796</v>
      </c>
      <c r="L181" s="3" t="s">
        <v>1521</v>
      </c>
    </row>
    <row r="182" spans="1:12" x14ac:dyDescent="0.2">
      <c r="A182" s="4" t="s">
        <v>597</v>
      </c>
      <c r="B182" s="6" t="s">
        <v>693</v>
      </c>
      <c r="C182" s="2" t="s">
        <v>1516</v>
      </c>
      <c r="D182" s="2" t="s">
        <v>1517</v>
      </c>
      <c r="E182" s="2" t="s">
        <v>1518</v>
      </c>
      <c r="F182" s="2" t="s">
        <v>1518</v>
      </c>
      <c r="G182" s="2" t="s">
        <v>827</v>
      </c>
      <c r="H182" s="2" t="s">
        <v>1519</v>
      </c>
      <c r="I182" s="2" t="s">
        <v>1520</v>
      </c>
      <c r="J182" s="2" t="s">
        <v>1520</v>
      </c>
      <c r="K182" s="2" t="s">
        <v>796</v>
      </c>
      <c r="L182" s="2" t="s">
        <v>1521</v>
      </c>
    </row>
    <row r="183" spans="1:12" x14ac:dyDescent="0.2">
      <c r="A183" s="5" t="s">
        <v>599</v>
      </c>
      <c r="B183" s="7" t="s">
        <v>1163</v>
      </c>
      <c r="C183" s="3" t="s">
        <v>1522</v>
      </c>
      <c r="D183" s="3" t="s">
        <v>1523</v>
      </c>
      <c r="E183" s="3" t="s">
        <v>1524</v>
      </c>
      <c r="F183" s="3" t="s">
        <v>1524</v>
      </c>
      <c r="G183" s="3" t="s">
        <v>1030</v>
      </c>
      <c r="H183" s="3" t="s">
        <v>1525</v>
      </c>
      <c r="I183" s="3" t="s">
        <v>1526</v>
      </c>
      <c r="J183" s="3" t="s">
        <v>1526</v>
      </c>
      <c r="K183" s="3" t="s">
        <v>1104</v>
      </c>
      <c r="L183" s="3" t="s">
        <v>1527</v>
      </c>
    </row>
    <row r="184" spans="1:12" x14ac:dyDescent="0.2">
      <c r="A184" s="4" t="s">
        <v>608</v>
      </c>
      <c r="B184" s="6" t="s">
        <v>693</v>
      </c>
      <c r="C184" s="2" t="s">
        <v>1522</v>
      </c>
      <c r="D184" s="2" t="s">
        <v>1523</v>
      </c>
      <c r="E184" s="2" t="s">
        <v>1524</v>
      </c>
      <c r="F184" s="2" t="s">
        <v>1524</v>
      </c>
      <c r="G184" s="2" t="s">
        <v>1030</v>
      </c>
      <c r="H184" s="2" t="s">
        <v>1525</v>
      </c>
      <c r="I184" s="2" t="s">
        <v>1526</v>
      </c>
      <c r="J184" s="2" t="s">
        <v>1526</v>
      </c>
      <c r="K184" s="2" t="s">
        <v>1104</v>
      </c>
      <c r="L184" s="2" t="s">
        <v>1527</v>
      </c>
    </row>
    <row r="185" spans="1:12" x14ac:dyDescent="0.2">
      <c r="A185" s="5" t="s">
        <v>610</v>
      </c>
      <c r="B185" s="7" t="s">
        <v>1224</v>
      </c>
      <c r="C185" s="3" t="s">
        <v>1528</v>
      </c>
      <c r="D185" s="3" t="s">
        <v>1529</v>
      </c>
      <c r="E185" s="3" t="s">
        <v>1530</v>
      </c>
      <c r="F185" s="3" t="s">
        <v>1530</v>
      </c>
      <c r="G185" s="3" t="s">
        <v>769</v>
      </c>
      <c r="H185" s="3" t="s">
        <v>1531</v>
      </c>
      <c r="I185" s="3" t="s">
        <v>1532</v>
      </c>
      <c r="J185" s="3" t="s">
        <v>1532</v>
      </c>
      <c r="K185" s="3" t="s">
        <v>769</v>
      </c>
      <c r="L185" s="3" t="s">
        <v>1533</v>
      </c>
    </row>
    <row r="186" spans="1:12" x14ac:dyDescent="0.2">
      <c r="A186" s="4" t="s">
        <v>612</v>
      </c>
      <c r="B186" s="6" t="s">
        <v>1234</v>
      </c>
      <c r="C186" s="2" t="s">
        <v>49</v>
      </c>
      <c r="D186" s="2" t="s">
        <v>1534</v>
      </c>
      <c r="E186" s="2" t="s">
        <v>1535</v>
      </c>
      <c r="F186" s="2" t="s">
        <v>1535</v>
      </c>
      <c r="G186" s="2" t="s">
        <v>827</v>
      </c>
      <c r="H186" s="2" t="s">
        <v>1536</v>
      </c>
      <c r="I186" s="2" t="s">
        <v>1537</v>
      </c>
      <c r="J186" s="2" t="s">
        <v>1537</v>
      </c>
      <c r="K186" s="2" t="s">
        <v>827</v>
      </c>
      <c r="L186" s="2" t="s">
        <v>1538</v>
      </c>
    </row>
    <row r="187" spans="1:12" x14ac:dyDescent="0.2">
      <c r="A187" s="4" t="s">
        <v>614</v>
      </c>
      <c r="B187" s="6" t="s">
        <v>1241</v>
      </c>
      <c r="C187" s="2" t="s">
        <v>1528</v>
      </c>
      <c r="D187" s="2" t="s">
        <v>1528</v>
      </c>
      <c r="E187" s="2" t="s">
        <v>1539</v>
      </c>
      <c r="F187" s="2" t="s">
        <v>1539</v>
      </c>
      <c r="G187" s="2" t="s">
        <v>49</v>
      </c>
      <c r="H187" s="2" t="s">
        <v>1540</v>
      </c>
      <c r="I187" s="2" t="s">
        <v>1541</v>
      </c>
      <c r="J187" s="2" t="s">
        <v>1541</v>
      </c>
      <c r="K187" s="2" t="s">
        <v>827</v>
      </c>
      <c r="L187" s="2" t="s">
        <v>1542</v>
      </c>
    </row>
    <row r="188" spans="1:12" x14ac:dyDescent="0.2">
      <c r="A188" s="5" t="s">
        <v>1543</v>
      </c>
      <c r="B188" s="7" t="s">
        <v>1268</v>
      </c>
      <c r="C188" s="3" t="s">
        <v>1544</v>
      </c>
      <c r="D188" s="3" t="s">
        <v>1545</v>
      </c>
      <c r="E188" s="3" t="s">
        <v>1546</v>
      </c>
      <c r="F188" s="3" t="s">
        <v>1546</v>
      </c>
      <c r="G188" s="3" t="s">
        <v>1113</v>
      </c>
      <c r="H188" s="3" t="s">
        <v>1547</v>
      </c>
      <c r="I188" s="3" t="s">
        <v>1548</v>
      </c>
      <c r="J188" s="3" t="s">
        <v>1548</v>
      </c>
      <c r="K188" s="3" t="s">
        <v>1014</v>
      </c>
      <c r="L188" s="3" t="s">
        <v>1549</v>
      </c>
    </row>
    <row r="189" spans="1:12" x14ac:dyDescent="0.2">
      <c r="A189" s="4" t="s">
        <v>1550</v>
      </c>
      <c r="B189" s="6" t="s">
        <v>693</v>
      </c>
      <c r="C189" s="2" t="s">
        <v>1544</v>
      </c>
      <c r="D189" s="2" t="s">
        <v>1545</v>
      </c>
      <c r="E189" s="2" t="s">
        <v>1546</v>
      </c>
      <c r="F189" s="2" t="s">
        <v>1546</v>
      </c>
      <c r="G189" s="2" t="s">
        <v>1113</v>
      </c>
      <c r="H189" s="2" t="s">
        <v>1547</v>
      </c>
      <c r="I189" s="2" t="s">
        <v>1548</v>
      </c>
      <c r="J189" s="2" t="s">
        <v>1548</v>
      </c>
      <c r="K189" s="2" t="s">
        <v>1014</v>
      </c>
      <c r="L189" s="2" t="s">
        <v>1549</v>
      </c>
    </row>
    <row r="190" spans="1:12" x14ac:dyDescent="0.2">
      <c r="A190" s="5" t="s">
        <v>1551</v>
      </c>
      <c r="B190" s="7" t="s">
        <v>1300</v>
      </c>
      <c r="C190" s="3" t="s">
        <v>1552</v>
      </c>
      <c r="D190" s="3" t="s">
        <v>1553</v>
      </c>
      <c r="E190" s="3" t="s">
        <v>1554</v>
      </c>
      <c r="F190" s="3" t="s">
        <v>1554</v>
      </c>
      <c r="G190" s="3" t="s">
        <v>49</v>
      </c>
      <c r="H190" s="3" t="s">
        <v>1555</v>
      </c>
      <c r="I190" s="3" t="s">
        <v>1554</v>
      </c>
      <c r="J190" s="3" t="s">
        <v>1554</v>
      </c>
      <c r="K190" s="3" t="s">
        <v>49</v>
      </c>
      <c r="L190" s="3" t="s">
        <v>1555</v>
      </c>
    </row>
    <row r="191" spans="1:12" x14ac:dyDescent="0.2">
      <c r="A191" s="4" t="s">
        <v>1556</v>
      </c>
      <c r="B191" s="6" t="s">
        <v>1313</v>
      </c>
      <c r="C191" s="2" t="s">
        <v>1552</v>
      </c>
      <c r="D191" s="2" t="s">
        <v>1553</v>
      </c>
      <c r="E191" s="2" t="s">
        <v>1554</v>
      </c>
      <c r="F191" s="2" t="s">
        <v>1554</v>
      </c>
      <c r="G191" s="2" t="s">
        <v>49</v>
      </c>
      <c r="H191" s="2" t="s">
        <v>1555</v>
      </c>
      <c r="I191" s="2" t="s">
        <v>1554</v>
      </c>
      <c r="J191" s="2" t="s">
        <v>1554</v>
      </c>
      <c r="K191" s="2" t="s">
        <v>49</v>
      </c>
      <c r="L191" s="2" t="s">
        <v>1555</v>
      </c>
    </row>
    <row r="192" spans="1:12" x14ac:dyDescent="0.2">
      <c r="A192" s="5" t="s">
        <v>1557</v>
      </c>
      <c r="B192" s="7" t="s">
        <v>1320</v>
      </c>
      <c r="C192" s="3" t="s">
        <v>1558</v>
      </c>
      <c r="D192" s="3" t="s">
        <v>1559</v>
      </c>
      <c r="E192" s="3" t="s">
        <v>1560</v>
      </c>
      <c r="F192" s="3" t="s">
        <v>1560</v>
      </c>
      <c r="G192" s="3" t="s">
        <v>1561</v>
      </c>
      <c r="H192" s="3" t="s">
        <v>1562</v>
      </c>
      <c r="I192" s="3" t="s">
        <v>1563</v>
      </c>
      <c r="J192" s="3" t="s">
        <v>1563</v>
      </c>
      <c r="K192" s="3" t="s">
        <v>1499</v>
      </c>
      <c r="L192" s="3" t="s">
        <v>1564</v>
      </c>
    </row>
    <row r="193" spans="1:12" x14ac:dyDescent="0.2">
      <c r="A193" s="4" t="s">
        <v>1565</v>
      </c>
      <c r="B193" s="6" t="s">
        <v>1353</v>
      </c>
      <c r="C193" s="2" t="s">
        <v>1558</v>
      </c>
      <c r="D193" s="2" t="s">
        <v>1559</v>
      </c>
      <c r="E193" s="2" t="s">
        <v>1560</v>
      </c>
      <c r="F193" s="2" t="s">
        <v>1560</v>
      </c>
      <c r="G193" s="2" t="s">
        <v>1561</v>
      </c>
      <c r="H193" s="2" t="s">
        <v>1562</v>
      </c>
      <c r="I193" s="2" t="s">
        <v>1563</v>
      </c>
      <c r="J193" s="2" t="s">
        <v>1563</v>
      </c>
      <c r="K193" s="2" t="s">
        <v>1499</v>
      </c>
      <c r="L193" s="2" t="s">
        <v>1564</v>
      </c>
    </row>
    <row r="194" spans="1:12" x14ac:dyDescent="0.2">
      <c r="A194" s="4" t="s">
        <v>1566</v>
      </c>
      <c r="B194" s="6" t="s">
        <v>1567</v>
      </c>
      <c r="C194" s="2" t="s">
        <v>270</v>
      </c>
      <c r="D194" s="2" t="s">
        <v>423</v>
      </c>
      <c r="E194" s="2" t="s">
        <v>424</v>
      </c>
      <c r="F194" s="2" t="s">
        <v>424</v>
      </c>
      <c r="G194" s="2" t="s">
        <v>1568</v>
      </c>
      <c r="H194" s="2" t="s">
        <v>425</v>
      </c>
      <c r="I194" s="2" t="s">
        <v>293</v>
      </c>
      <c r="J194" s="2" t="s">
        <v>293</v>
      </c>
      <c r="K194" s="2" t="s">
        <v>1568</v>
      </c>
      <c r="L194" s="2" t="s">
        <v>426</v>
      </c>
    </row>
  </sheetData>
  <mergeCells count="14">
    <mergeCell ref="A3:L3"/>
    <mergeCell ref="A4:L4"/>
    <mergeCell ref="A5:L5"/>
    <mergeCell ref="A6:L6"/>
    <mergeCell ref="A7:L7"/>
    <mergeCell ref="A9:L9"/>
    <mergeCell ref="I10:K10"/>
    <mergeCell ref="L10:L11"/>
    <mergeCell ref="A10:A11"/>
    <mergeCell ref="B10:B11"/>
    <mergeCell ref="C10:C11"/>
    <mergeCell ref="D10:D11"/>
    <mergeCell ref="E10:G10"/>
    <mergeCell ref="H10:H11"/>
  </mergeCells>
  <pageMargins left="0.78740157499999996" right="0.78740157499999996" top="0.984251969" bottom="0.984251969" header="0.5" footer="0.5"/>
  <pageSetup orientation="portrait" horizontalDpi="300" verticalDpi="300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7"/>
  <sheetViews>
    <sheetView showGridLines="0" workbookViewId="0">
      <selection sqref="A1:IV65536"/>
    </sheetView>
  </sheetViews>
  <sheetFormatPr defaultRowHeight="12.75" x14ac:dyDescent="0.2"/>
  <cols>
    <col min="1" max="1" width="3.28515625" bestFit="1" customWidth="1"/>
    <col min="2" max="2" width="44.140625" bestFit="1" customWidth="1"/>
    <col min="3" max="13" width="17.28515625" bestFit="1" customWidth="1"/>
    <col min="14" max="14" width="15.42578125" bestFit="1" customWidth="1"/>
    <col min="15" max="15" width="24.42578125" bestFit="1" customWidth="1"/>
    <col min="16" max="16" width="19.85546875" bestFit="1" customWidth="1"/>
  </cols>
  <sheetData>
    <row r="3" spans="1:16" x14ac:dyDescent="0.2">
      <c r="A3" s="9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</row>
    <row r="4" spans="1:16" x14ac:dyDescent="0.2">
      <c r="A4" s="9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</row>
    <row r="5" spans="1:16" x14ac:dyDescent="0.2">
      <c r="A5" s="9" t="s">
        <v>1569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</row>
    <row r="6" spans="1:16" x14ac:dyDescent="0.2">
      <c r="A6" s="9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  <c r="O6" s="10"/>
      <c r="P6" s="10"/>
    </row>
    <row r="7" spans="1:16" x14ac:dyDescent="0.2">
      <c r="A7" s="9" t="s">
        <v>1570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  <c r="O7" s="10"/>
      <c r="P7" s="10"/>
    </row>
    <row r="9" spans="1:16" x14ac:dyDescent="0.2">
      <c r="A9" s="11" t="s">
        <v>1571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</row>
    <row r="10" spans="1:16" x14ac:dyDescent="0.2">
      <c r="A10" s="8" t="s">
        <v>6</v>
      </c>
      <c r="B10" s="8" t="s">
        <v>1572</v>
      </c>
      <c r="C10" s="8" t="s">
        <v>1573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7</v>
      </c>
      <c r="O10" s="8" t="s">
        <v>1586</v>
      </c>
      <c r="P10" s="8" t="s">
        <v>1587</v>
      </c>
    </row>
    <row r="11" spans="1:16" x14ac:dyDescent="0.2">
      <c r="A11" s="8" t="s">
        <v>7</v>
      </c>
      <c r="B11" s="8" t="s">
        <v>7</v>
      </c>
      <c r="C11" s="1" t="s">
        <v>1574</v>
      </c>
      <c r="D11" s="1" t="s">
        <v>1575</v>
      </c>
      <c r="E11" s="1" t="s">
        <v>1576</v>
      </c>
      <c r="F11" s="1" t="s">
        <v>1577</v>
      </c>
      <c r="G11" s="1" t="s">
        <v>1578</v>
      </c>
      <c r="H11" s="1" t="s">
        <v>1579</v>
      </c>
      <c r="I11" s="1" t="s">
        <v>1580</v>
      </c>
      <c r="J11" s="1" t="s">
        <v>1581</v>
      </c>
      <c r="K11" s="1" t="s">
        <v>1582</v>
      </c>
      <c r="L11" s="1" t="s">
        <v>1583</v>
      </c>
      <c r="M11" s="1" t="s">
        <v>1584</v>
      </c>
      <c r="N11" s="1" t="s">
        <v>1585</v>
      </c>
      <c r="O11" s="8" t="s">
        <v>7</v>
      </c>
      <c r="P11" s="8" t="s">
        <v>7</v>
      </c>
    </row>
    <row r="12" spans="1:16" x14ac:dyDescent="0.2">
      <c r="A12" s="5" t="s">
        <v>17</v>
      </c>
      <c r="B12" s="7" t="s">
        <v>1588</v>
      </c>
      <c r="C12" s="3" t="s">
        <v>1589</v>
      </c>
      <c r="D12" s="3" t="s">
        <v>1590</v>
      </c>
      <c r="E12" s="3" t="s">
        <v>1591</v>
      </c>
      <c r="F12" s="3" t="s">
        <v>1592</v>
      </c>
      <c r="G12" s="3" t="s">
        <v>1593</v>
      </c>
      <c r="H12" s="3" t="s">
        <v>1594</v>
      </c>
      <c r="I12" s="3" t="s">
        <v>1595</v>
      </c>
      <c r="J12" s="3" t="s">
        <v>1596</v>
      </c>
      <c r="K12" s="3" t="s">
        <v>1597</v>
      </c>
      <c r="L12" s="3" t="s">
        <v>1598</v>
      </c>
      <c r="M12" s="3" t="s">
        <v>1599</v>
      </c>
      <c r="N12" s="3" t="s">
        <v>1600</v>
      </c>
      <c r="O12" s="3" t="s">
        <v>1601</v>
      </c>
      <c r="P12" s="3" t="s">
        <v>1602</v>
      </c>
    </row>
    <row r="13" spans="1:16" x14ac:dyDescent="0.2">
      <c r="A13" s="5" t="s">
        <v>23</v>
      </c>
      <c r="B13" s="7" t="s">
        <v>454</v>
      </c>
      <c r="C13" s="3" t="s">
        <v>1603</v>
      </c>
      <c r="D13" s="3" t="s">
        <v>1604</v>
      </c>
      <c r="E13" s="3" t="s">
        <v>1605</v>
      </c>
      <c r="F13" s="3" t="s">
        <v>1606</v>
      </c>
      <c r="G13" s="3" t="s">
        <v>1607</v>
      </c>
      <c r="H13" s="3" t="s">
        <v>1608</v>
      </c>
      <c r="I13" s="3" t="s">
        <v>1609</v>
      </c>
      <c r="J13" s="3" t="s">
        <v>1610</v>
      </c>
      <c r="K13" s="3" t="s">
        <v>1611</v>
      </c>
      <c r="L13" s="3" t="s">
        <v>1612</v>
      </c>
      <c r="M13" s="3" t="s">
        <v>1613</v>
      </c>
      <c r="N13" s="3" t="s">
        <v>1614</v>
      </c>
      <c r="O13" s="3" t="s">
        <v>1615</v>
      </c>
      <c r="P13" s="3" t="s">
        <v>1616</v>
      </c>
    </row>
    <row r="14" spans="1:16" x14ac:dyDescent="0.2">
      <c r="A14" s="4" t="s">
        <v>29</v>
      </c>
      <c r="B14" s="6" t="s">
        <v>1617</v>
      </c>
      <c r="C14" s="2" t="s">
        <v>1618</v>
      </c>
      <c r="D14" s="2" t="s">
        <v>1619</v>
      </c>
      <c r="E14" s="2" t="s">
        <v>1620</v>
      </c>
      <c r="F14" s="2" t="s">
        <v>1621</v>
      </c>
      <c r="G14" s="2" t="s">
        <v>1622</v>
      </c>
      <c r="H14" s="2" t="s">
        <v>1623</v>
      </c>
      <c r="I14" s="2" t="s">
        <v>1624</v>
      </c>
      <c r="J14" s="2" t="s">
        <v>1625</v>
      </c>
      <c r="K14" s="2" t="s">
        <v>1626</v>
      </c>
      <c r="L14" s="2" t="s">
        <v>1627</v>
      </c>
      <c r="M14" s="2" t="s">
        <v>1628</v>
      </c>
      <c r="N14" s="2" t="s">
        <v>1629</v>
      </c>
      <c r="O14" s="2" t="s">
        <v>1630</v>
      </c>
      <c r="P14" s="2" t="s">
        <v>1631</v>
      </c>
    </row>
    <row r="15" spans="1:16" x14ac:dyDescent="0.2">
      <c r="A15" s="4" t="s">
        <v>35</v>
      </c>
      <c r="B15" s="6" t="s">
        <v>1632</v>
      </c>
      <c r="C15" s="2" t="s">
        <v>1633</v>
      </c>
      <c r="D15" s="2" t="s">
        <v>1634</v>
      </c>
      <c r="E15" s="2" t="s">
        <v>1635</v>
      </c>
      <c r="F15" s="2" t="s">
        <v>1636</v>
      </c>
      <c r="G15" s="2" t="s">
        <v>1637</v>
      </c>
      <c r="H15" s="2" t="s">
        <v>1638</v>
      </c>
      <c r="I15" s="2" t="s">
        <v>1639</v>
      </c>
      <c r="J15" s="2" t="s">
        <v>1640</v>
      </c>
      <c r="K15" s="2" t="s">
        <v>1641</v>
      </c>
      <c r="L15" s="2" t="s">
        <v>1642</v>
      </c>
      <c r="M15" s="2" t="s">
        <v>1643</v>
      </c>
      <c r="N15" s="2" t="s">
        <v>1644</v>
      </c>
      <c r="O15" s="2" t="s">
        <v>1645</v>
      </c>
      <c r="P15" s="2" t="s">
        <v>1646</v>
      </c>
    </row>
    <row r="16" spans="1:16" x14ac:dyDescent="0.2">
      <c r="A16" s="4" t="s">
        <v>41</v>
      </c>
      <c r="B16" s="6" t="s">
        <v>1647</v>
      </c>
      <c r="C16" s="2" t="s">
        <v>1648</v>
      </c>
      <c r="D16" s="2" t="s">
        <v>1649</v>
      </c>
      <c r="E16" s="2" t="s">
        <v>1650</v>
      </c>
      <c r="F16" s="2" t="s">
        <v>1651</v>
      </c>
      <c r="G16" s="2" t="s">
        <v>1652</v>
      </c>
      <c r="H16" s="2" t="s">
        <v>1653</v>
      </c>
      <c r="I16" s="2" t="s">
        <v>1654</v>
      </c>
      <c r="J16" s="2" t="s">
        <v>1655</v>
      </c>
      <c r="K16" s="2" t="s">
        <v>1656</v>
      </c>
      <c r="L16" s="2" t="s">
        <v>1657</v>
      </c>
      <c r="M16" s="2" t="s">
        <v>1658</v>
      </c>
      <c r="N16" s="2" t="s">
        <v>1659</v>
      </c>
      <c r="O16" s="2" t="s">
        <v>1660</v>
      </c>
      <c r="P16" s="2" t="s">
        <v>1661</v>
      </c>
    </row>
    <row r="17" spans="1:16" x14ac:dyDescent="0.2">
      <c r="A17" s="4" t="s">
        <v>47</v>
      </c>
      <c r="B17" s="6" t="s">
        <v>1662</v>
      </c>
      <c r="C17" s="2" t="s">
        <v>1663</v>
      </c>
      <c r="D17" s="2" t="s">
        <v>1664</v>
      </c>
      <c r="E17" s="2" t="s">
        <v>1665</v>
      </c>
      <c r="F17" s="2" t="s">
        <v>1666</v>
      </c>
      <c r="G17" s="2" t="s">
        <v>1667</v>
      </c>
      <c r="H17" s="2" t="s">
        <v>1668</v>
      </c>
      <c r="I17" s="2" t="s">
        <v>1669</v>
      </c>
      <c r="J17" s="2" t="s">
        <v>1670</v>
      </c>
      <c r="K17" s="2" t="s">
        <v>1671</v>
      </c>
      <c r="L17" s="2" t="s">
        <v>1672</v>
      </c>
      <c r="M17" s="2" t="s">
        <v>1673</v>
      </c>
      <c r="N17" s="2" t="s">
        <v>1674</v>
      </c>
      <c r="O17" s="2" t="s">
        <v>1675</v>
      </c>
      <c r="P17" s="2" t="s">
        <v>1676</v>
      </c>
    </row>
    <row r="18" spans="1:16" x14ac:dyDescent="0.2">
      <c r="A18" s="4" t="s">
        <v>50</v>
      </c>
      <c r="B18" s="6" t="s">
        <v>1677</v>
      </c>
      <c r="C18" s="2" t="s">
        <v>1678</v>
      </c>
      <c r="D18" s="2" t="s">
        <v>1679</v>
      </c>
      <c r="E18" s="2" t="s">
        <v>1680</v>
      </c>
      <c r="F18" s="2" t="s">
        <v>1681</v>
      </c>
      <c r="G18" s="2" t="s">
        <v>1682</v>
      </c>
      <c r="H18" s="2" t="s">
        <v>1683</v>
      </c>
      <c r="I18" s="2" t="s">
        <v>1684</v>
      </c>
      <c r="J18" s="2" t="s">
        <v>1685</v>
      </c>
      <c r="K18" s="2" t="s">
        <v>1686</v>
      </c>
      <c r="L18" s="2" t="s">
        <v>1687</v>
      </c>
      <c r="M18" s="2" t="s">
        <v>1688</v>
      </c>
      <c r="N18" s="2" t="s">
        <v>1689</v>
      </c>
      <c r="O18" s="2" t="s">
        <v>1690</v>
      </c>
      <c r="P18" s="2" t="s">
        <v>1691</v>
      </c>
    </row>
    <row r="19" spans="1:16" x14ac:dyDescent="0.2">
      <c r="A19" s="4" t="s">
        <v>56</v>
      </c>
      <c r="B19" s="6" t="s">
        <v>462</v>
      </c>
      <c r="C19" s="2" t="s">
        <v>1692</v>
      </c>
      <c r="D19" s="2" t="s">
        <v>1693</v>
      </c>
      <c r="E19" s="2" t="s">
        <v>1694</v>
      </c>
      <c r="F19" s="2" t="s">
        <v>1695</v>
      </c>
      <c r="G19" s="2" t="s">
        <v>1696</v>
      </c>
      <c r="H19" s="2" t="s">
        <v>1697</v>
      </c>
      <c r="I19" s="2" t="s">
        <v>1698</v>
      </c>
      <c r="J19" s="2" t="s">
        <v>1699</v>
      </c>
      <c r="K19" s="2" t="s">
        <v>1700</v>
      </c>
      <c r="L19" s="2" t="s">
        <v>1701</v>
      </c>
      <c r="M19" s="2" t="s">
        <v>1702</v>
      </c>
      <c r="N19" s="2" t="s">
        <v>1703</v>
      </c>
      <c r="O19" s="2" t="s">
        <v>1704</v>
      </c>
      <c r="P19" s="2" t="s">
        <v>52</v>
      </c>
    </row>
    <row r="20" spans="1:16" x14ac:dyDescent="0.2">
      <c r="A20" s="4" t="s">
        <v>58</v>
      </c>
      <c r="B20" s="6" t="s">
        <v>474</v>
      </c>
      <c r="C20" s="2" t="s">
        <v>1705</v>
      </c>
      <c r="D20" s="2" t="s">
        <v>1706</v>
      </c>
      <c r="E20" s="2" t="s">
        <v>1707</v>
      </c>
      <c r="F20" s="2" t="s">
        <v>1708</v>
      </c>
      <c r="G20" s="2" t="s">
        <v>1709</v>
      </c>
      <c r="H20" s="2" t="s">
        <v>1710</v>
      </c>
      <c r="I20" s="2" t="s">
        <v>1711</v>
      </c>
      <c r="J20" s="2" t="s">
        <v>1712</v>
      </c>
      <c r="K20" s="2" t="s">
        <v>1713</v>
      </c>
      <c r="L20" s="2" t="s">
        <v>1714</v>
      </c>
      <c r="M20" s="2" t="s">
        <v>1715</v>
      </c>
      <c r="N20" s="2" t="s">
        <v>1716</v>
      </c>
      <c r="O20" s="2" t="s">
        <v>1717</v>
      </c>
      <c r="P20" s="2" t="s">
        <v>64</v>
      </c>
    </row>
    <row r="21" spans="1:16" x14ac:dyDescent="0.2">
      <c r="A21" s="4" t="s">
        <v>60</v>
      </c>
      <c r="B21" s="6" t="s">
        <v>494</v>
      </c>
      <c r="C21" s="2" t="s">
        <v>49</v>
      </c>
      <c r="D21" s="2" t="s">
        <v>49</v>
      </c>
      <c r="E21" s="2" t="s">
        <v>49</v>
      </c>
      <c r="F21" s="2" t="s">
        <v>49</v>
      </c>
      <c r="G21" s="2" t="s">
        <v>49</v>
      </c>
      <c r="H21" s="2" t="s">
        <v>49</v>
      </c>
      <c r="I21" s="2" t="s">
        <v>49</v>
      </c>
      <c r="J21" s="2" t="s">
        <v>49</v>
      </c>
      <c r="K21" s="2" t="s">
        <v>49</v>
      </c>
      <c r="L21" s="2" t="s">
        <v>49</v>
      </c>
      <c r="M21" s="2" t="s">
        <v>49</v>
      </c>
      <c r="N21" s="2" t="s">
        <v>49</v>
      </c>
      <c r="O21" s="2" t="s">
        <v>49</v>
      </c>
      <c r="P21" s="2" t="s">
        <v>49</v>
      </c>
    </row>
    <row r="22" spans="1:16" x14ac:dyDescent="0.2">
      <c r="A22" s="4" t="s">
        <v>62</v>
      </c>
      <c r="B22" s="6" t="s">
        <v>502</v>
      </c>
      <c r="C22" s="2" t="s">
        <v>49</v>
      </c>
      <c r="D22" s="2" t="s">
        <v>49</v>
      </c>
      <c r="E22" s="2" t="s">
        <v>49</v>
      </c>
      <c r="F22" s="2" t="s">
        <v>49</v>
      </c>
      <c r="G22" s="2" t="s">
        <v>49</v>
      </c>
      <c r="H22" s="2" t="s">
        <v>49</v>
      </c>
      <c r="I22" s="2" t="s">
        <v>49</v>
      </c>
      <c r="J22" s="2" t="s">
        <v>49</v>
      </c>
      <c r="K22" s="2" t="s">
        <v>49</v>
      </c>
      <c r="L22" s="2" t="s">
        <v>49</v>
      </c>
      <c r="M22" s="2" t="s">
        <v>49</v>
      </c>
      <c r="N22" s="2" t="s">
        <v>49</v>
      </c>
      <c r="O22" s="2" t="s">
        <v>49</v>
      </c>
      <c r="P22" s="2" t="s">
        <v>49</v>
      </c>
    </row>
    <row r="23" spans="1:16" x14ac:dyDescent="0.2">
      <c r="A23" s="4" t="s">
        <v>68</v>
      </c>
      <c r="B23" s="6" t="s">
        <v>512</v>
      </c>
      <c r="C23" s="2" t="s">
        <v>1718</v>
      </c>
      <c r="D23" s="2" t="s">
        <v>1719</v>
      </c>
      <c r="E23" s="2" t="s">
        <v>1720</v>
      </c>
      <c r="F23" s="2" t="s">
        <v>1721</v>
      </c>
      <c r="G23" s="2" t="s">
        <v>1722</v>
      </c>
      <c r="H23" s="2" t="s">
        <v>1723</v>
      </c>
      <c r="I23" s="2" t="s">
        <v>1724</v>
      </c>
      <c r="J23" s="2" t="s">
        <v>1725</v>
      </c>
      <c r="K23" s="2" t="s">
        <v>1726</v>
      </c>
      <c r="L23" s="2" t="s">
        <v>1727</v>
      </c>
      <c r="M23" s="2" t="s">
        <v>1728</v>
      </c>
      <c r="N23" s="2" t="s">
        <v>1729</v>
      </c>
      <c r="O23" s="2" t="s">
        <v>1730</v>
      </c>
      <c r="P23" s="2" t="s">
        <v>122</v>
      </c>
    </row>
    <row r="24" spans="1:16" x14ac:dyDescent="0.2">
      <c r="A24" s="5" t="s">
        <v>74</v>
      </c>
      <c r="B24" s="7" t="s">
        <v>515</v>
      </c>
      <c r="C24" s="3" t="s">
        <v>1731</v>
      </c>
      <c r="D24" s="3" t="s">
        <v>1732</v>
      </c>
      <c r="E24" s="3" t="s">
        <v>1733</v>
      </c>
      <c r="F24" s="3" t="s">
        <v>1734</v>
      </c>
      <c r="G24" s="3" t="s">
        <v>1735</v>
      </c>
      <c r="H24" s="3" t="s">
        <v>1736</v>
      </c>
      <c r="I24" s="3" t="s">
        <v>1737</v>
      </c>
      <c r="J24" s="3" t="s">
        <v>1738</v>
      </c>
      <c r="K24" s="3" t="s">
        <v>1739</v>
      </c>
      <c r="L24" s="3" t="s">
        <v>1740</v>
      </c>
      <c r="M24" s="3" t="s">
        <v>1741</v>
      </c>
      <c r="N24" s="3" t="s">
        <v>1742</v>
      </c>
      <c r="O24" s="3" t="s">
        <v>1743</v>
      </c>
      <c r="P24" s="3" t="s">
        <v>1744</v>
      </c>
    </row>
    <row r="25" spans="1:16" x14ac:dyDescent="0.2">
      <c r="A25" s="4" t="s">
        <v>80</v>
      </c>
      <c r="B25" s="6" t="s">
        <v>1745</v>
      </c>
      <c r="C25" s="2" t="s">
        <v>1746</v>
      </c>
      <c r="D25" s="2" t="s">
        <v>1747</v>
      </c>
      <c r="E25" s="2" t="s">
        <v>1748</v>
      </c>
      <c r="F25" s="2" t="s">
        <v>1749</v>
      </c>
      <c r="G25" s="2" t="s">
        <v>1750</v>
      </c>
      <c r="H25" s="2" t="s">
        <v>1751</v>
      </c>
      <c r="I25" s="2" t="s">
        <v>1752</v>
      </c>
      <c r="J25" s="2" t="s">
        <v>1753</v>
      </c>
      <c r="K25" s="2" t="s">
        <v>1754</v>
      </c>
      <c r="L25" s="2" t="s">
        <v>1755</v>
      </c>
      <c r="M25" s="2" t="s">
        <v>1756</v>
      </c>
      <c r="N25" s="2" t="s">
        <v>1757</v>
      </c>
      <c r="O25" s="2" t="s">
        <v>1758</v>
      </c>
      <c r="P25" s="2" t="s">
        <v>1759</v>
      </c>
    </row>
    <row r="26" spans="1:16" x14ac:dyDescent="0.2">
      <c r="A26" s="4" t="s">
        <v>86</v>
      </c>
      <c r="B26" s="6" t="s">
        <v>1760</v>
      </c>
      <c r="C26" s="2" t="s">
        <v>1761</v>
      </c>
      <c r="D26" s="2" t="s">
        <v>1761</v>
      </c>
      <c r="E26" s="2" t="s">
        <v>1761</v>
      </c>
      <c r="F26" s="2" t="s">
        <v>1761</v>
      </c>
      <c r="G26" s="2" t="s">
        <v>1761</v>
      </c>
      <c r="H26" s="2" t="s">
        <v>1761</v>
      </c>
      <c r="I26" s="2" t="s">
        <v>1761</v>
      </c>
      <c r="J26" s="2" t="s">
        <v>1761</v>
      </c>
      <c r="K26" s="2" t="s">
        <v>1761</v>
      </c>
      <c r="L26" s="2" t="s">
        <v>1761</v>
      </c>
      <c r="M26" s="2" t="s">
        <v>1761</v>
      </c>
      <c r="N26" s="2" t="s">
        <v>1761</v>
      </c>
      <c r="O26" s="2" t="s">
        <v>1762</v>
      </c>
      <c r="P26" s="2" t="s">
        <v>1763</v>
      </c>
    </row>
    <row r="27" spans="1:16" x14ac:dyDescent="0.2">
      <c r="A27" s="4" t="s">
        <v>92</v>
      </c>
      <c r="B27" s="6" t="s">
        <v>1764</v>
      </c>
      <c r="C27" s="2" t="s">
        <v>1765</v>
      </c>
      <c r="D27" s="2" t="s">
        <v>1766</v>
      </c>
      <c r="E27" s="2" t="s">
        <v>1767</v>
      </c>
      <c r="F27" s="2" t="s">
        <v>1768</v>
      </c>
      <c r="G27" s="2" t="s">
        <v>1769</v>
      </c>
      <c r="H27" s="2" t="s">
        <v>1770</v>
      </c>
      <c r="I27" s="2" t="s">
        <v>1771</v>
      </c>
      <c r="J27" s="2" t="s">
        <v>1772</v>
      </c>
      <c r="K27" s="2" t="s">
        <v>1773</v>
      </c>
      <c r="L27" s="2" t="s">
        <v>1774</v>
      </c>
      <c r="M27" s="2" t="s">
        <v>1775</v>
      </c>
      <c r="N27" s="2" t="s">
        <v>1776</v>
      </c>
      <c r="O27" s="2" t="s">
        <v>1777</v>
      </c>
      <c r="P27" s="2" t="s">
        <v>1778</v>
      </c>
    </row>
    <row r="28" spans="1:16" x14ac:dyDescent="0.2">
      <c r="A28" s="4" t="s">
        <v>94</v>
      </c>
      <c r="B28" s="6" t="s">
        <v>1779</v>
      </c>
      <c r="C28" s="2" t="s">
        <v>1780</v>
      </c>
      <c r="D28" s="2" t="s">
        <v>1781</v>
      </c>
      <c r="E28" s="2" t="s">
        <v>1782</v>
      </c>
      <c r="F28" s="2" t="s">
        <v>1783</v>
      </c>
      <c r="G28" s="2" t="s">
        <v>1784</v>
      </c>
      <c r="H28" s="2" t="s">
        <v>1785</v>
      </c>
      <c r="I28" s="2" t="s">
        <v>1786</v>
      </c>
      <c r="J28" s="2" t="s">
        <v>1787</v>
      </c>
      <c r="K28" s="2" t="s">
        <v>1788</v>
      </c>
      <c r="L28" s="2" t="s">
        <v>1789</v>
      </c>
      <c r="M28" s="2" t="s">
        <v>1790</v>
      </c>
      <c r="N28" s="2" t="s">
        <v>1791</v>
      </c>
      <c r="O28" s="2" t="s">
        <v>1792</v>
      </c>
      <c r="P28" s="2" t="s">
        <v>1793</v>
      </c>
    </row>
    <row r="29" spans="1:16" x14ac:dyDescent="0.2">
      <c r="A29" s="4" t="s">
        <v>100</v>
      </c>
      <c r="B29" s="6" t="s">
        <v>1794</v>
      </c>
      <c r="C29" s="2" t="s">
        <v>1795</v>
      </c>
      <c r="D29" s="2" t="s">
        <v>1796</v>
      </c>
      <c r="E29" s="2" t="s">
        <v>1797</v>
      </c>
      <c r="F29" s="2" t="s">
        <v>1798</v>
      </c>
      <c r="G29" s="2" t="s">
        <v>1799</v>
      </c>
      <c r="H29" s="2" t="s">
        <v>1800</v>
      </c>
      <c r="I29" s="2" t="s">
        <v>1801</v>
      </c>
      <c r="J29" s="2" t="s">
        <v>1802</v>
      </c>
      <c r="K29" s="2" t="s">
        <v>1803</v>
      </c>
      <c r="L29" s="2" t="s">
        <v>1804</v>
      </c>
      <c r="M29" s="2" t="s">
        <v>1805</v>
      </c>
      <c r="N29" s="2" t="s">
        <v>1806</v>
      </c>
      <c r="O29" s="2" t="s">
        <v>1807</v>
      </c>
      <c r="P29" s="2" t="s">
        <v>1808</v>
      </c>
    </row>
    <row r="30" spans="1:16" x14ac:dyDescent="0.2">
      <c r="A30" s="4" t="s">
        <v>102</v>
      </c>
      <c r="B30" s="6" t="s">
        <v>529</v>
      </c>
      <c r="C30" s="2" t="s">
        <v>1809</v>
      </c>
      <c r="D30" s="2" t="s">
        <v>1810</v>
      </c>
      <c r="E30" s="2" t="s">
        <v>1811</v>
      </c>
      <c r="F30" s="2" t="s">
        <v>1812</v>
      </c>
      <c r="G30" s="2" t="s">
        <v>1813</v>
      </c>
      <c r="H30" s="2" t="s">
        <v>1814</v>
      </c>
      <c r="I30" s="2" t="s">
        <v>1815</v>
      </c>
      <c r="J30" s="2" t="s">
        <v>1816</v>
      </c>
      <c r="K30" s="2" t="s">
        <v>1817</v>
      </c>
      <c r="L30" s="2" t="s">
        <v>1818</v>
      </c>
      <c r="M30" s="2" t="s">
        <v>1819</v>
      </c>
      <c r="N30" s="2" t="s">
        <v>1820</v>
      </c>
      <c r="O30" s="2" t="s">
        <v>1821</v>
      </c>
      <c r="P30" s="2" t="s">
        <v>158</v>
      </c>
    </row>
    <row r="31" spans="1:16" x14ac:dyDescent="0.2">
      <c r="A31" s="5" t="s">
        <v>104</v>
      </c>
      <c r="B31" s="7" t="s">
        <v>1822</v>
      </c>
      <c r="C31" s="3" t="s">
        <v>1823</v>
      </c>
      <c r="D31" s="3" t="s">
        <v>1824</v>
      </c>
      <c r="E31" s="3" t="s">
        <v>1825</v>
      </c>
      <c r="F31" s="3" t="s">
        <v>1826</v>
      </c>
      <c r="G31" s="3" t="s">
        <v>1827</v>
      </c>
      <c r="H31" s="3" t="s">
        <v>1828</v>
      </c>
      <c r="I31" s="3" t="s">
        <v>1829</v>
      </c>
      <c r="J31" s="3" t="s">
        <v>1830</v>
      </c>
      <c r="K31" s="3" t="s">
        <v>1831</v>
      </c>
      <c r="L31" s="3" t="s">
        <v>1832</v>
      </c>
      <c r="M31" s="3" t="s">
        <v>1833</v>
      </c>
      <c r="N31" s="3" t="s">
        <v>1834</v>
      </c>
      <c r="O31" s="3" t="s">
        <v>1835</v>
      </c>
      <c r="P31" s="3" t="s">
        <v>1836</v>
      </c>
    </row>
    <row r="32" spans="1:16" x14ac:dyDescent="0.2">
      <c r="A32" s="4" t="s">
        <v>106</v>
      </c>
      <c r="B32" s="6" t="s">
        <v>1837</v>
      </c>
      <c r="C32" s="2" t="s">
        <v>1838</v>
      </c>
      <c r="D32" s="2" t="s">
        <v>1839</v>
      </c>
      <c r="E32" s="2" t="s">
        <v>1840</v>
      </c>
      <c r="F32" s="2" t="s">
        <v>1841</v>
      </c>
      <c r="G32" s="2" t="s">
        <v>1842</v>
      </c>
      <c r="H32" s="2" t="s">
        <v>1843</v>
      </c>
      <c r="I32" s="2" t="s">
        <v>1844</v>
      </c>
      <c r="J32" s="2" t="s">
        <v>1845</v>
      </c>
      <c r="K32" s="2" t="s">
        <v>1846</v>
      </c>
      <c r="L32" s="2" t="s">
        <v>1847</v>
      </c>
      <c r="M32" s="2" t="s">
        <v>1848</v>
      </c>
      <c r="N32" s="2" t="s">
        <v>1849</v>
      </c>
      <c r="O32" s="2" t="s">
        <v>1850</v>
      </c>
      <c r="P32" s="2" t="s">
        <v>1851</v>
      </c>
    </row>
    <row r="33" spans="1:16" x14ac:dyDescent="0.2">
      <c r="A33" s="4" t="s">
        <v>108</v>
      </c>
      <c r="B33" s="6" t="s">
        <v>1852</v>
      </c>
      <c r="C33" s="2" t="s">
        <v>1853</v>
      </c>
      <c r="D33" s="2" t="s">
        <v>1693</v>
      </c>
      <c r="E33" s="2" t="s">
        <v>1854</v>
      </c>
      <c r="F33" s="2" t="s">
        <v>1855</v>
      </c>
      <c r="G33" s="2" t="s">
        <v>1696</v>
      </c>
      <c r="H33" s="2" t="s">
        <v>1697</v>
      </c>
      <c r="I33" s="2" t="s">
        <v>1698</v>
      </c>
      <c r="J33" s="2" t="s">
        <v>1699</v>
      </c>
      <c r="K33" s="2" t="s">
        <v>1856</v>
      </c>
      <c r="L33" s="2" t="s">
        <v>1857</v>
      </c>
      <c r="M33" s="2" t="s">
        <v>1858</v>
      </c>
      <c r="N33" s="2" t="s">
        <v>1703</v>
      </c>
      <c r="O33" s="2" t="s">
        <v>1859</v>
      </c>
      <c r="P33" s="2" t="s">
        <v>1860</v>
      </c>
    </row>
    <row r="34" spans="1:16" x14ac:dyDescent="0.2">
      <c r="A34" s="4" t="s">
        <v>110</v>
      </c>
      <c r="B34" s="6" t="s">
        <v>1861</v>
      </c>
      <c r="C34" s="2" t="s">
        <v>1862</v>
      </c>
      <c r="D34" s="2" t="s">
        <v>49</v>
      </c>
      <c r="E34" s="2" t="s">
        <v>1863</v>
      </c>
      <c r="F34" s="2" t="s">
        <v>1864</v>
      </c>
      <c r="G34" s="2" t="s">
        <v>49</v>
      </c>
      <c r="H34" s="2" t="s">
        <v>49</v>
      </c>
      <c r="I34" s="2" t="s">
        <v>49</v>
      </c>
      <c r="J34" s="2" t="s">
        <v>49</v>
      </c>
      <c r="K34" s="2" t="s">
        <v>1865</v>
      </c>
      <c r="L34" s="2" t="s">
        <v>1866</v>
      </c>
      <c r="M34" s="2" t="s">
        <v>1867</v>
      </c>
      <c r="N34" s="2" t="s">
        <v>49</v>
      </c>
      <c r="O34" s="2" t="s">
        <v>1868</v>
      </c>
      <c r="P34" s="2" t="s">
        <v>1869</v>
      </c>
    </row>
    <row r="35" spans="1:16" x14ac:dyDescent="0.2">
      <c r="A35" s="4" t="s">
        <v>112</v>
      </c>
      <c r="B35" s="6" t="s">
        <v>1870</v>
      </c>
      <c r="C35" s="2" t="s">
        <v>49</v>
      </c>
      <c r="D35" s="2" t="s">
        <v>49</v>
      </c>
      <c r="E35" s="2" t="s">
        <v>49</v>
      </c>
      <c r="F35" s="2" t="s">
        <v>49</v>
      </c>
      <c r="G35" s="2" t="s">
        <v>49</v>
      </c>
      <c r="H35" s="2" t="s">
        <v>49</v>
      </c>
      <c r="I35" s="2" t="s">
        <v>49</v>
      </c>
      <c r="J35" s="2" t="s">
        <v>1871</v>
      </c>
      <c r="K35" s="2" t="s">
        <v>49</v>
      </c>
      <c r="L35" s="2" t="s">
        <v>1872</v>
      </c>
      <c r="M35" s="2" t="s">
        <v>1873</v>
      </c>
      <c r="N35" s="2" t="s">
        <v>1874</v>
      </c>
      <c r="O35" s="2" t="s">
        <v>1875</v>
      </c>
      <c r="P35" s="2" t="s">
        <v>1876</v>
      </c>
    </row>
    <row r="36" spans="1:16" x14ac:dyDescent="0.2">
      <c r="A36" s="4" t="s">
        <v>114</v>
      </c>
      <c r="B36" s="6" t="s">
        <v>1877</v>
      </c>
      <c r="C36" s="2" t="s">
        <v>1878</v>
      </c>
      <c r="D36" s="2" t="s">
        <v>1879</v>
      </c>
      <c r="E36" s="2" t="s">
        <v>1880</v>
      </c>
      <c r="F36" s="2" t="s">
        <v>1881</v>
      </c>
      <c r="G36" s="2" t="s">
        <v>1882</v>
      </c>
      <c r="H36" s="2" t="s">
        <v>1883</v>
      </c>
      <c r="I36" s="2" t="s">
        <v>1884</v>
      </c>
      <c r="J36" s="2" t="s">
        <v>1885</v>
      </c>
      <c r="K36" s="2" t="s">
        <v>1886</v>
      </c>
      <c r="L36" s="2" t="s">
        <v>1887</v>
      </c>
      <c r="M36" s="2" t="s">
        <v>1888</v>
      </c>
      <c r="N36" s="2" t="s">
        <v>1889</v>
      </c>
      <c r="O36" s="2" t="s">
        <v>1890</v>
      </c>
      <c r="P36" s="2" t="s">
        <v>1891</v>
      </c>
    </row>
    <row r="37" spans="1:16" x14ac:dyDescent="0.2">
      <c r="A37" s="5" t="s">
        <v>116</v>
      </c>
      <c r="B37" s="7" t="s">
        <v>1892</v>
      </c>
      <c r="C37" s="3" t="s">
        <v>1893</v>
      </c>
      <c r="D37" s="3" t="s">
        <v>1894</v>
      </c>
      <c r="E37" s="3" t="s">
        <v>1895</v>
      </c>
      <c r="F37" s="3" t="s">
        <v>1896</v>
      </c>
      <c r="G37" s="3" t="s">
        <v>1897</v>
      </c>
      <c r="H37" s="3" t="s">
        <v>1898</v>
      </c>
      <c r="I37" s="3" t="s">
        <v>1899</v>
      </c>
      <c r="J37" s="3" t="s">
        <v>1900</v>
      </c>
      <c r="K37" s="3" t="s">
        <v>1901</v>
      </c>
      <c r="L37" s="3" t="s">
        <v>1902</v>
      </c>
      <c r="M37" s="3" t="s">
        <v>1903</v>
      </c>
      <c r="N37" s="3" t="s">
        <v>1904</v>
      </c>
      <c r="O37" s="3" t="s">
        <v>1905</v>
      </c>
      <c r="P37" s="3" t="s">
        <v>1906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8740157499999996" right="0.78740157499999996" top="0.984251969" bottom="0.984251969" header="0.5" footer="0.5"/>
  <pageSetup orientation="portrait" horizontalDpi="300" verticalDpi="300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47"/>
  <sheetViews>
    <sheetView showGridLines="0" workbookViewId="0"/>
  </sheetViews>
  <sheetFormatPr defaultRowHeight="12.75" x14ac:dyDescent="0.2"/>
  <cols>
    <col min="1" max="1" width="4.42578125" customWidth="1"/>
    <col min="2" max="2" width="61" customWidth="1"/>
    <col min="3" max="4" width="17" customWidth="1"/>
    <col min="5" max="8" width="19.42578125" customWidth="1"/>
  </cols>
  <sheetData>
    <row r="3" spans="1:8" x14ac:dyDescent="0.2">
      <c r="A3" s="9" t="s">
        <v>0</v>
      </c>
      <c r="B3" s="10"/>
      <c r="C3" s="10"/>
      <c r="D3" s="10"/>
      <c r="E3" s="10"/>
      <c r="F3" s="10"/>
      <c r="G3" s="10"/>
      <c r="H3" s="10"/>
    </row>
    <row r="4" spans="1:8" x14ac:dyDescent="0.2">
      <c r="A4" s="9" t="s">
        <v>1</v>
      </c>
      <c r="B4" s="10"/>
      <c r="C4" s="10"/>
      <c r="D4" s="10"/>
      <c r="E4" s="10"/>
      <c r="F4" s="10"/>
      <c r="G4" s="10"/>
      <c r="H4" s="10"/>
    </row>
    <row r="5" spans="1:8" x14ac:dyDescent="0.2">
      <c r="A5" s="9" t="s">
        <v>1907</v>
      </c>
      <c r="B5" s="10"/>
      <c r="C5" s="10"/>
      <c r="D5" s="10"/>
      <c r="E5" s="10"/>
      <c r="F5" s="10"/>
      <c r="G5" s="10"/>
      <c r="H5" s="10"/>
    </row>
    <row r="6" spans="1:8" x14ac:dyDescent="0.2">
      <c r="A6" s="9" t="s">
        <v>3</v>
      </c>
      <c r="B6" s="10"/>
      <c r="C6" s="10"/>
      <c r="D6" s="10"/>
      <c r="E6" s="10"/>
      <c r="F6" s="10"/>
      <c r="G6" s="10"/>
      <c r="H6" s="10"/>
    </row>
    <row r="7" spans="1:8" x14ac:dyDescent="0.2">
      <c r="A7" s="9" t="s">
        <v>4</v>
      </c>
      <c r="B7" s="10"/>
      <c r="C7" s="10"/>
      <c r="D7" s="10"/>
      <c r="E7" s="10"/>
      <c r="F7" s="10"/>
      <c r="G7" s="10"/>
      <c r="H7" s="10"/>
    </row>
    <row r="9" spans="1:8" x14ac:dyDescent="0.2">
      <c r="A9" s="11" t="s">
        <v>1908</v>
      </c>
      <c r="B9" s="10"/>
      <c r="C9" s="10"/>
      <c r="D9" s="10"/>
      <c r="E9" s="10"/>
      <c r="F9" s="10"/>
      <c r="G9" s="10"/>
      <c r="H9" s="10"/>
    </row>
    <row r="10" spans="1:8" x14ac:dyDescent="0.2">
      <c r="A10" s="8" t="s">
        <v>6</v>
      </c>
      <c r="B10" s="8" t="s">
        <v>1909</v>
      </c>
      <c r="C10" s="8" t="s">
        <v>9</v>
      </c>
      <c r="D10" s="8" t="s">
        <v>1587</v>
      </c>
      <c r="E10" s="8" t="s">
        <v>11</v>
      </c>
      <c r="F10" s="8" t="s">
        <v>11</v>
      </c>
    </row>
    <row r="11" spans="1:8" ht="21" x14ac:dyDescent="0.2">
      <c r="A11" s="8" t="s">
        <v>7</v>
      </c>
      <c r="B11" s="8" t="s">
        <v>7</v>
      </c>
      <c r="C11" s="8" t="s">
        <v>7</v>
      </c>
      <c r="D11" s="8" t="s">
        <v>7</v>
      </c>
      <c r="E11" s="1" t="s">
        <v>1910</v>
      </c>
      <c r="F11" s="1" t="s">
        <v>1911</v>
      </c>
    </row>
    <row r="12" spans="1:8" x14ac:dyDescent="0.2">
      <c r="A12" s="5" t="s">
        <v>17</v>
      </c>
      <c r="B12" s="7" t="s">
        <v>1588</v>
      </c>
      <c r="C12" s="3" t="s">
        <v>1912</v>
      </c>
      <c r="D12" s="3" t="s">
        <v>1913</v>
      </c>
      <c r="E12" s="3" t="s">
        <v>1914</v>
      </c>
      <c r="F12" s="3" t="s">
        <v>1915</v>
      </c>
    </row>
    <row r="13" spans="1:8" x14ac:dyDescent="0.2">
      <c r="A13" s="5" t="s">
        <v>23</v>
      </c>
      <c r="B13" s="7" t="s">
        <v>1916</v>
      </c>
      <c r="C13" s="3" t="s">
        <v>1917</v>
      </c>
      <c r="D13" s="3" t="s">
        <v>1917</v>
      </c>
      <c r="E13" s="3" t="s">
        <v>1918</v>
      </c>
      <c r="F13" s="3" t="s">
        <v>1919</v>
      </c>
    </row>
    <row r="14" spans="1:8" x14ac:dyDescent="0.2">
      <c r="A14" s="5" t="s">
        <v>29</v>
      </c>
      <c r="B14" s="7" t="s">
        <v>1920</v>
      </c>
      <c r="C14" s="3" t="s">
        <v>1921</v>
      </c>
      <c r="D14" s="3" t="s">
        <v>1921</v>
      </c>
      <c r="E14" s="3" t="s">
        <v>1918</v>
      </c>
      <c r="F14" s="3" t="s">
        <v>1922</v>
      </c>
    </row>
    <row r="15" spans="1:8" x14ac:dyDescent="0.2">
      <c r="A15" s="4" t="s">
        <v>35</v>
      </c>
      <c r="B15" s="6" t="s">
        <v>1923</v>
      </c>
      <c r="C15" s="2" t="s">
        <v>1921</v>
      </c>
      <c r="D15" s="2" t="s">
        <v>1921</v>
      </c>
      <c r="E15" s="2" t="s">
        <v>1918</v>
      </c>
      <c r="F15" s="2" t="s">
        <v>1922</v>
      </c>
    </row>
    <row r="16" spans="1:8" x14ac:dyDescent="0.2">
      <c r="A16" s="4" t="s">
        <v>41</v>
      </c>
      <c r="B16" s="6" t="s">
        <v>1924</v>
      </c>
      <c r="C16" s="2" t="s">
        <v>49</v>
      </c>
      <c r="D16" s="2" t="s">
        <v>49</v>
      </c>
      <c r="E16" s="2" t="s">
        <v>49</v>
      </c>
      <c r="F16" s="2" t="s">
        <v>49</v>
      </c>
    </row>
    <row r="17" spans="1:6" x14ac:dyDescent="0.2">
      <c r="A17" s="4" t="s">
        <v>47</v>
      </c>
      <c r="B17" s="6" t="s">
        <v>1925</v>
      </c>
      <c r="C17" s="2" t="s">
        <v>49</v>
      </c>
      <c r="D17" s="2" t="s">
        <v>49</v>
      </c>
      <c r="E17" s="2" t="s">
        <v>49</v>
      </c>
      <c r="F17" s="2" t="s">
        <v>49</v>
      </c>
    </row>
    <row r="18" spans="1:6" x14ac:dyDescent="0.2">
      <c r="A18" s="5" t="s">
        <v>50</v>
      </c>
      <c r="B18" s="7" t="s">
        <v>1926</v>
      </c>
      <c r="C18" s="3" t="s">
        <v>1927</v>
      </c>
      <c r="D18" s="3" t="s">
        <v>1927</v>
      </c>
      <c r="E18" s="3" t="s">
        <v>49</v>
      </c>
      <c r="F18" s="3" t="s">
        <v>1928</v>
      </c>
    </row>
    <row r="19" spans="1:6" x14ac:dyDescent="0.2">
      <c r="A19" s="4" t="s">
        <v>56</v>
      </c>
      <c r="B19" s="6" t="s">
        <v>1923</v>
      </c>
      <c r="C19" s="2" t="s">
        <v>1927</v>
      </c>
      <c r="D19" s="2" t="s">
        <v>1927</v>
      </c>
      <c r="E19" s="2" t="s">
        <v>49</v>
      </c>
      <c r="F19" s="2" t="s">
        <v>1928</v>
      </c>
    </row>
    <row r="20" spans="1:6" x14ac:dyDescent="0.2">
      <c r="A20" s="4" t="s">
        <v>58</v>
      </c>
      <c r="B20" s="6" t="s">
        <v>1924</v>
      </c>
      <c r="C20" s="2" t="s">
        <v>49</v>
      </c>
      <c r="D20" s="2" t="s">
        <v>49</v>
      </c>
      <c r="E20" s="2" t="s">
        <v>49</v>
      </c>
      <c r="F20" s="2" t="s">
        <v>49</v>
      </c>
    </row>
    <row r="21" spans="1:6" x14ac:dyDescent="0.2">
      <c r="A21" s="4" t="s">
        <v>60</v>
      </c>
      <c r="B21" s="6" t="s">
        <v>1925</v>
      </c>
      <c r="C21" s="2" t="s">
        <v>49</v>
      </c>
      <c r="D21" s="2" t="s">
        <v>49</v>
      </c>
      <c r="E21" s="2" t="s">
        <v>49</v>
      </c>
      <c r="F21" s="2" t="s">
        <v>49</v>
      </c>
    </row>
    <row r="22" spans="1:6" x14ac:dyDescent="0.2">
      <c r="A22" s="5" t="s">
        <v>62</v>
      </c>
      <c r="B22" s="7" t="s">
        <v>1929</v>
      </c>
      <c r="C22" s="3" t="s">
        <v>1930</v>
      </c>
      <c r="D22" s="3" t="s">
        <v>1930</v>
      </c>
      <c r="E22" s="3" t="s">
        <v>1931</v>
      </c>
      <c r="F22" s="3" t="s">
        <v>1932</v>
      </c>
    </row>
    <row r="23" spans="1:6" x14ac:dyDescent="0.2">
      <c r="A23" s="5" t="s">
        <v>68</v>
      </c>
      <c r="B23" s="7" t="s">
        <v>1920</v>
      </c>
      <c r="C23" s="3" t="s">
        <v>1933</v>
      </c>
      <c r="D23" s="3" t="s">
        <v>1933</v>
      </c>
      <c r="E23" s="3" t="s">
        <v>1934</v>
      </c>
      <c r="F23" s="3" t="s">
        <v>1935</v>
      </c>
    </row>
    <row r="24" spans="1:6" x14ac:dyDescent="0.2">
      <c r="A24" s="4" t="s">
        <v>74</v>
      </c>
      <c r="B24" s="6" t="s">
        <v>1923</v>
      </c>
      <c r="C24" s="2" t="s">
        <v>1933</v>
      </c>
      <c r="D24" s="2" t="s">
        <v>1933</v>
      </c>
      <c r="E24" s="2" t="s">
        <v>1934</v>
      </c>
      <c r="F24" s="2" t="s">
        <v>1935</v>
      </c>
    </row>
    <row r="25" spans="1:6" x14ac:dyDescent="0.2">
      <c r="A25" s="4" t="s">
        <v>80</v>
      </c>
      <c r="B25" s="6" t="s">
        <v>1924</v>
      </c>
      <c r="C25" s="2" t="s">
        <v>49</v>
      </c>
      <c r="D25" s="2" t="s">
        <v>49</v>
      </c>
      <c r="E25" s="2" t="s">
        <v>49</v>
      </c>
      <c r="F25" s="2" t="s">
        <v>49</v>
      </c>
    </row>
    <row r="26" spans="1:6" x14ac:dyDescent="0.2">
      <c r="A26" s="4" t="s">
        <v>86</v>
      </c>
      <c r="B26" s="6" t="s">
        <v>1925</v>
      </c>
      <c r="C26" s="2" t="s">
        <v>49</v>
      </c>
      <c r="D26" s="2" t="s">
        <v>49</v>
      </c>
      <c r="E26" s="2" t="s">
        <v>49</v>
      </c>
      <c r="F26" s="2" t="s">
        <v>49</v>
      </c>
    </row>
    <row r="27" spans="1:6" x14ac:dyDescent="0.2">
      <c r="A27" s="5" t="s">
        <v>92</v>
      </c>
      <c r="B27" s="7" t="s">
        <v>1926</v>
      </c>
      <c r="C27" s="3" t="s">
        <v>1936</v>
      </c>
      <c r="D27" s="3" t="s">
        <v>1936</v>
      </c>
      <c r="E27" s="3" t="s">
        <v>1937</v>
      </c>
      <c r="F27" s="3" t="s">
        <v>1938</v>
      </c>
    </row>
    <row r="28" spans="1:6" x14ac:dyDescent="0.2">
      <c r="A28" s="4" t="s">
        <v>94</v>
      </c>
      <c r="B28" s="6" t="s">
        <v>1923</v>
      </c>
      <c r="C28" s="2" t="s">
        <v>1936</v>
      </c>
      <c r="D28" s="2" t="s">
        <v>1936</v>
      </c>
      <c r="E28" s="2" t="s">
        <v>1937</v>
      </c>
      <c r="F28" s="2" t="s">
        <v>1938</v>
      </c>
    </row>
    <row r="29" spans="1:6" x14ac:dyDescent="0.2">
      <c r="A29" s="4" t="s">
        <v>100</v>
      </c>
      <c r="B29" s="6" t="s">
        <v>1924</v>
      </c>
      <c r="C29" s="2" t="s">
        <v>49</v>
      </c>
      <c r="D29" s="2" t="s">
        <v>49</v>
      </c>
      <c r="E29" s="2" t="s">
        <v>49</v>
      </c>
      <c r="F29" s="2" t="s">
        <v>49</v>
      </c>
    </row>
    <row r="30" spans="1:6" x14ac:dyDescent="0.2">
      <c r="A30" s="4" t="s">
        <v>102</v>
      </c>
      <c r="B30" s="6" t="s">
        <v>1925</v>
      </c>
      <c r="C30" s="2" t="s">
        <v>49</v>
      </c>
      <c r="D30" s="2" t="s">
        <v>49</v>
      </c>
      <c r="E30" s="2" t="s">
        <v>49</v>
      </c>
      <c r="F30" s="2" t="s">
        <v>49</v>
      </c>
    </row>
    <row r="31" spans="1:6" x14ac:dyDescent="0.2">
      <c r="A31" s="4" t="s">
        <v>104</v>
      </c>
      <c r="B31" s="6" t="s">
        <v>1939</v>
      </c>
      <c r="C31" s="2" t="s">
        <v>49</v>
      </c>
      <c r="D31" s="2" t="s">
        <v>49</v>
      </c>
      <c r="E31" s="2" t="s">
        <v>49</v>
      </c>
      <c r="F31" s="2" t="s">
        <v>49</v>
      </c>
    </row>
    <row r="32" spans="1:6" x14ac:dyDescent="0.2">
      <c r="A32" s="5" t="s">
        <v>106</v>
      </c>
      <c r="B32" s="7" t="s">
        <v>1940</v>
      </c>
      <c r="C32" s="3" t="s">
        <v>1941</v>
      </c>
      <c r="D32" s="3" t="s">
        <v>1942</v>
      </c>
      <c r="E32" s="3" t="s">
        <v>1942</v>
      </c>
      <c r="F32" s="3" t="s">
        <v>1943</v>
      </c>
    </row>
    <row r="33" spans="1:8" x14ac:dyDescent="0.2">
      <c r="A33" s="4" t="s">
        <v>108</v>
      </c>
      <c r="B33" s="6" t="s">
        <v>1944</v>
      </c>
      <c r="C33" s="2" t="s">
        <v>49</v>
      </c>
      <c r="D33" s="2" t="s">
        <v>49</v>
      </c>
      <c r="E33" s="2" t="s">
        <v>49</v>
      </c>
      <c r="F33" s="2" t="s">
        <v>49</v>
      </c>
    </row>
    <row r="34" spans="1:8" x14ac:dyDescent="0.2">
      <c r="A34" s="4" t="s">
        <v>110</v>
      </c>
      <c r="B34" s="6" t="s">
        <v>1945</v>
      </c>
      <c r="C34" s="2" t="s">
        <v>1941</v>
      </c>
      <c r="D34" s="2" t="s">
        <v>1942</v>
      </c>
      <c r="E34" s="2" t="s">
        <v>1942</v>
      </c>
      <c r="F34" s="2" t="s">
        <v>1943</v>
      </c>
    </row>
    <row r="35" spans="1:8" x14ac:dyDescent="0.2">
      <c r="A35" s="4" t="s">
        <v>112</v>
      </c>
      <c r="B35" s="6" t="s">
        <v>1946</v>
      </c>
      <c r="C35" s="2" t="s">
        <v>49</v>
      </c>
      <c r="D35" s="2" t="s">
        <v>49</v>
      </c>
      <c r="E35" s="2" t="s">
        <v>49</v>
      </c>
      <c r="F35" s="2" t="s">
        <v>49</v>
      </c>
    </row>
    <row r="36" spans="1:8" x14ac:dyDescent="0.2">
      <c r="A36" s="4" t="s">
        <v>114</v>
      </c>
      <c r="B36" s="6" t="s">
        <v>1947</v>
      </c>
      <c r="C36" s="2" t="s">
        <v>49</v>
      </c>
      <c r="D36" s="2" t="s">
        <v>49</v>
      </c>
      <c r="E36" s="2" t="s">
        <v>49</v>
      </c>
      <c r="F36" s="2" t="s">
        <v>49</v>
      </c>
    </row>
    <row r="37" spans="1:8" x14ac:dyDescent="0.2">
      <c r="A37" s="4" t="s">
        <v>116</v>
      </c>
      <c r="B37" s="6" t="s">
        <v>1948</v>
      </c>
      <c r="C37" s="2" t="s">
        <v>1949</v>
      </c>
      <c r="D37" s="2" t="s">
        <v>1949</v>
      </c>
      <c r="E37" s="2" t="s">
        <v>49</v>
      </c>
      <c r="F37" s="2" t="s">
        <v>49</v>
      </c>
    </row>
    <row r="38" spans="1:8" x14ac:dyDescent="0.2">
      <c r="A38" s="5" t="s">
        <v>118</v>
      </c>
      <c r="B38" s="7" t="s">
        <v>1950</v>
      </c>
      <c r="C38" s="3" t="s">
        <v>1949</v>
      </c>
      <c r="D38" s="3" t="s">
        <v>49</v>
      </c>
      <c r="E38" s="3" t="s">
        <v>49</v>
      </c>
      <c r="F38" s="3" t="s">
        <v>49</v>
      </c>
    </row>
    <row r="39" spans="1:8" x14ac:dyDescent="0.2">
      <c r="A39" s="4" t="s">
        <v>120</v>
      </c>
      <c r="B39" s="6" t="s">
        <v>1951</v>
      </c>
      <c r="C39" s="2" t="s">
        <v>49</v>
      </c>
      <c r="D39" s="2" t="s">
        <v>49</v>
      </c>
      <c r="E39" s="2" t="s">
        <v>49</v>
      </c>
      <c r="F39" s="2" t="s">
        <v>49</v>
      </c>
    </row>
    <row r="40" spans="1:8" x14ac:dyDescent="0.2">
      <c r="A40" s="4" t="s">
        <v>125</v>
      </c>
      <c r="B40" s="6" t="s">
        <v>1952</v>
      </c>
      <c r="C40" s="2" t="s">
        <v>1949</v>
      </c>
      <c r="D40" s="2" t="s">
        <v>1949</v>
      </c>
      <c r="E40" s="2" t="s">
        <v>49</v>
      </c>
      <c r="F40" s="2" t="s">
        <v>49</v>
      </c>
    </row>
    <row r="41" spans="1:8" x14ac:dyDescent="0.2">
      <c r="A41" s="5" t="s">
        <v>131</v>
      </c>
      <c r="B41" s="7" t="s">
        <v>1953</v>
      </c>
      <c r="C41" s="3" t="s">
        <v>49</v>
      </c>
      <c r="D41" s="3" t="s">
        <v>49</v>
      </c>
      <c r="E41" s="3" t="s">
        <v>49</v>
      </c>
      <c r="F41" s="3" t="s">
        <v>49</v>
      </c>
    </row>
    <row r="42" spans="1:8" x14ac:dyDescent="0.2">
      <c r="A42" s="4" t="s">
        <v>137</v>
      </c>
      <c r="B42" s="6" t="s">
        <v>1954</v>
      </c>
      <c r="C42" s="2" t="s">
        <v>49</v>
      </c>
      <c r="D42" s="2" t="s">
        <v>49</v>
      </c>
      <c r="E42" s="2" t="s">
        <v>49</v>
      </c>
      <c r="F42" s="2" t="s">
        <v>49</v>
      </c>
    </row>
    <row r="43" spans="1:8" x14ac:dyDescent="0.2">
      <c r="A43" s="4" t="s">
        <v>143</v>
      </c>
      <c r="B43" s="6" t="s">
        <v>1955</v>
      </c>
      <c r="C43" s="2" t="s">
        <v>49</v>
      </c>
      <c r="D43" s="2" t="s">
        <v>49</v>
      </c>
      <c r="E43" s="2" t="s">
        <v>49</v>
      </c>
      <c r="F43" s="2" t="s">
        <v>49</v>
      </c>
    </row>
    <row r="44" spans="1:8" x14ac:dyDescent="0.2">
      <c r="A44" s="4" t="s">
        <v>145</v>
      </c>
      <c r="B44" s="6" t="s">
        <v>1956</v>
      </c>
      <c r="C44" s="2" t="s">
        <v>49</v>
      </c>
      <c r="D44" s="2" t="s">
        <v>49</v>
      </c>
      <c r="E44" s="2" t="s">
        <v>49</v>
      </c>
      <c r="F44" s="2" t="s">
        <v>49</v>
      </c>
    </row>
    <row r="45" spans="1:8" x14ac:dyDescent="0.2">
      <c r="A45" s="4" t="s">
        <v>148</v>
      </c>
      <c r="B45" s="6" t="s">
        <v>1957</v>
      </c>
      <c r="C45" s="2" t="s">
        <v>1912</v>
      </c>
      <c r="D45" s="2" t="s">
        <v>1913</v>
      </c>
      <c r="E45" s="2" t="s">
        <v>1914</v>
      </c>
      <c r="F45" s="2" t="s">
        <v>1915</v>
      </c>
    </row>
    <row r="47" spans="1:8" x14ac:dyDescent="0.2">
      <c r="A47" s="8" t="s">
        <v>6</v>
      </c>
      <c r="B47" s="8" t="s">
        <v>1958</v>
      </c>
      <c r="C47" s="8" t="s">
        <v>619</v>
      </c>
      <c r="D47" s="8" t="s">
        <v>1959</v>
      </c>
      <c r="E47" s="8" t="s">
        <v>307</v>
      </c>
      <c r="F47" s="8" t="s">
        <v>7</v>
      </c>
      <c r="G47" s="8" t="s">
        <v>311</v>
      </c>
      <c r="H47" s="8" t="s">
        <v>311</v>
      </c>
    </row>
    <row r="48" spans="1:8" ht="21" x14ac:dyDescent="0.2">
      <c r="A48" s="8" t="s">
        <v>7</v>
      </c>
      <c r="B48" s="8" t="s">
        <v>7</v>
      </c>
      <c r="C48" s="8" t="s">
        <v>7</v>
      </c>
      <c r="D48" s="8" t="s">
        <v>7</v>
      </c>
      <c r="E48" s="1" t="s">
        <v>1910</v>
      </c>
      <c r="F48" s="1" t="s">
        <v>1911</v>
      </c>
      <c r="G48" s="1" t="s">
        <v>1910</v>
      </c>
      <c r="H48" s="1" t="s">
        <v>1911</v>
      </c>
    </row>
    <row r="49" spans="1:8" x14ac:dyDescent="0.2">
      <c r="A49" s="5" t="s">
        <v>154</v>
      </c>
      <c r="B49" s="7" t="s">
        <v>1960</v>
      </c>
      <c r="C49" s="3" t="s">
        <v>1961</v>
      </c>
      <c r="D49" s="3" t="s">
        <v>1961</v>
      </c>
      <c r="E49" s="3" t="s">
        <v>49</v>
      </c>
      <c r="F49" s="3" t="s">
        <v>49</v>
      </c>
      <c r="G49" s="3" t="s">
        <v>49</v>
      </c>
      <c r="H49" s="3" t="s">
        <v>49</v>
      </c>
    </row>
    <row r="50" spans="1:8" x14ac:dyDescent="0.2">
      <c r="A50" s="4" t="s">
        <v>156</v>
      </c>
      <c r="B50" s="6" t="s">
        <v>1962</v>
      </c>
      <c r="C50" s="2" t="s">
        <v>1961</v>
      </c>
      <c r="D50" s="2" t="s">
        <v>1961</v>
      </c>
      <c r="E50" s="2" t="s">
        <v>49</v>
      </c>
      <c r="F50" s="2" t="s">
        <v>49</v>
      </c>
      <c r="G50" s="2" t="s">
        <v>49</v>
      </c>
      <c r="H50" s="2" t="s">
        <v>49</v>
      </c>
    </row>
    <row r="51" spans="1:8" x14ac:dyDescent="0.2">
      <c r="A51" s="4" t="s">
        <v>162</v>
      </c>
      <c r="B51" s="6" t="s">
        <v>1963</v>
      </c>
      <c r="C51" s="2" t="s">
        <v>49</v>
      </c>
      <c r="D51" s="2" t="s">
        <v>49</v>
      </c>
      <c r="E51" s="2" t="s">
        <v>49</v>
      </c>
      <c r="F51" s="2" t="s">
        <v>49</v>
      </c>
      <c r="G51" s="2" t="s">
        <v>49</v>
      </c>
      <c r="H51" s="2" t="s">
        <v>49</v>
      </c>
    </row>
    <row r="52" spans="1:8" x14ac:dyDescent="0.2">
      <c r="A52" s="5" t="s">
        <v>168</v>
      </c>
      <c r="B52" s="7" t="s">
        <v>1964</v>
      </c>
      <c r="C52" s="3" t="s">
        <v>1965</v>
      </c>
      <c r="D52" s="3" t="s">
        <v>1965</v>
      </c>
      <c r="E52" s="3" t="s">
        <v>1966</v>
      </c>
      <c r="F52" s="3" t="s">
        <v>1967</v>
      </c>
      <c r="G52" s="3" t="s">
        <v>1968</v>
      </c>
      <c r="H52" s="3" t="s">
        <v>1969</v>
      </c>
    </row>
    <row r="53" spans="1:8" x14ac:dyDescent="0.2">
      <c r="A53" s="5" t="s">
        <v>174</v>
      </c>
      <c r="B53" s="7" t="s">
        <v>1970</v>
      </c>
      <c r="C53" s="3" t="s">
        <v>1971</v>
      </c>
      <c r="D53" s="3" t="s">
        <v>1972</v>
      </c>
      <c r="E53" s="3" t="s">
        <v>1973</v>
      </c>
      <c r="F53" s="3" t="s">
        <v>1974</v>
      </c>
      <c r="G53" s="3" t="s">
        <v>1975</v>
      </c>
      <c r="H53" s="3" t="s">
        <v>1976</v>
      </c>
    </row>
    <row r="54" spans="1:8" x14ac:dyDescent="0.2">
      <c r="A54" s="4" t="s">
        <v>180</v>
      </c>
      <c r="B54" s="6" t="s">
        <v>1977</v>
      </c>
      <c r="C54" s="2" t="s">
        <v>1978</v>
      </c>
      <c r="D54" s="2" t="s">
        <v>1978</v>
      </c>
      <c r="E54" s="2" t="s">
        <v>49</v>
      </c>
      <c r="F54" s="2" t="s">
        <v>49</v>
      </c>
      <c r="G54" s="2" t="s">
        <v>49</v>
      </c>
      <c r="H54" s="2" t="s">
        <v>49</v>
      </c>
    </row>
    <row r="55" spans="1:8" x14ac:dyDescent="0.2">
      <c r="A55" s="4" t="s">
        <v>182</v>
      </c>
      <c r="B55" s="6" t="s">
        <v>1979</v>
      </c>
      <c r="C55" s="2" t="s">
        <v>1980</v>
      </c>
      <c r="D55" s="2" t="s">
        <v>1981</v>
      </c>
      <c r="E55" s="2" t="s">
        <v>1982</v>
      </c>
      <c r="F55" s="2" t="s">
        <v>1983</v>
      </c>
      <c r="G55" s="2" t="s">
        <v>1984</v>
      </c>
      <c r="H55" s="2" t="s">
        <v>1985</v>
      </c>
    </row>
    <row r="56" spans="1:8" x14ac:dyDescent="0.2">
      <c r="A56" s="4" t="s">
        <v>188</v>
      </c>
      <c r="B56" s="6" t="s">
        <v>1986</v>
      </c>
      <c r="C56" s="2" t="s">
        <v>1987</v>
      </c>
      <c r="D56" s="2" t="s">
        <v>1988</v>
      </c>
      <c r="E56" s="2" t="s">
        <v>1989</v>
      </c>
      <c r="F56" s="2" t="s">
        <v>1990</v>
      </c>
      <c r="G56" s="2" t="s">
        <v>1991</v>
      </c>
      <c r="H56" s="2" t="s">
        <v>1992</v>
      </c>
    </row>
    <row r="57" spans="1:8" x14ac:dyDescent="0.2">
      <c r="A57" s="5" t="s">
        <v>194</v>
      </c>
      <c r="B57" s="7" t="s">
        <v>1993</v>
      </c>
      <c r="C57" s="3" t="s">
        <v>1994</v>
      </c>
      <c r="D57" s="3" t="s">
        <v>1995</v>
      </c>
      <c r="E57" s="3" t="s">
        <v>1996</v>
      </c>
      <c r="F57" s="3" t="s">
        <v>1474</v>
      </c>
      <c r="G57" s="3" t="s">
        <v>1997</v>
      </c>
      <c r="H57" s="3" t="s">
        <v>1998</v>
      </c>
    </row>
    <row r="58" spans="1:8" x14ac:dyDescent="0.2">
      <c r="A58" s="4" t="s">
        <v>196</v>
      </c>
      <c r="B58" s="6" t="s">
        <v>1999</v>
      </c>
      <c r="C58" s="2" t="s">
        <v>2000</v>
      </c>
      <c r="D58" s="2" t="s">
        <v>2000</v>
      </c>
      <c r="E58" s="2" t="s">
        <v>49</v>
      </c>
      <c r="F58" s="2" t="s">
        <v>2001</v>
      </c>
      <c r="G58" s="2" t="s">
        <v>49</v>
      </c>
      <c r="H58" s="2" t="s">
        <v>2001</v>
      </c>
    </row>
    <row r="59" spans="1:8" x14ac:dyDescent="0.2">
      <c r="A59" s="4" t="s">
        <v>198</v>
      </c>
      <c r="B59" s="6" t="s">
        <v>1979</v>
      </c>
      <c r="C59" s="2" t="s">
        <v>2002</v>
      </c>
      <c r="D59" s="2" t="s">
        <v>2003</v>
      </c>
      <c r="E59" s="2" t="s">
        <v>2004</v>
      </c>
      <c r="F59" s="2" t="s">
        <v>2005</v>
      </c>
      <c r="G59" s="2" t="s">
        <v>2006</v>
      </c>
      <c r="H59" s="2" t="s">
        <v>2007</v>
      </c>
    </row>
    <row r="60" spans="1:8" x14ac:dyDescent="0.2">
      <c r="A60" s="4" t="s">
        <v>200</v>
      </c>
      <c r="B60" s="6" t="s">
        <v>1986</v>
      </c>
      <c r="C60" s="2" t="s">
        <v>743</v>
      </c>
      <c r="D60" s="2" t="s">
        <v>743</v>
      </c>
      <c r="E60" s="2" t="s">
        <v>2008</v>
      </c>
      <c r="F60" s="2" t="s">
        <v>49</v>
      </c>
      <c r="G60" s="2" t="s">
        <v>1937</v>
      </c>
      <c r="H60" s="2" t="s">
        <v>49</v>
      </c>
    </row>
    <row r="61" spans="1:8" x14ac:dyDescent="0.2">
      <c r="A61" s="5" t="s">
        <v>206</v>
      </c>
      <c r="B61" s="7" t="s">
        <v>2009</v>
      </c>
      <c r="C61" s="3" t="s">
        <v>2010</v>
      </c>
      <c r="D61" s="3" t="s">
        <v>2010</v>
      </c>
      <c r="E61" s="3" t="s">
        <v>49</v>
      </c>
      <c r="F61" s="3" t="s">
        <v>49</v>
      </c>
      <c r="G61" s="3" t="s">
        <v>49</v>
      </c>
      <c r="H61" s="3" t="s">
        <v>49</v>
      </c>
    </row>
    <row r="62" spans="1:8" x14ac:dyDescent="0.2">
      <c r="A62" s="4" t="s">
        <v>212</v>
      </c>
      <c r="B62" s="6" t="s">
        <v>2011</v>
      </c>
      <c r="C62" s="2" t="s">
        <v>49</v>
      </c>
      <c r="D62" s="2" t="s">
        <v>49</v>
      </c>
      <c r="E62" s="2" t="s">
        <v>49</v>
      </c>
      <c r="F62" s="2" t="s">
        <v>49</v>
      </c>
      <c r="G62" s="2" t="s">
        <v>49</v>
      </c>
      <c r="H62" s="2" t="s">
        <v>49</v>
      </c>
    </row>
    <row r="63" spans="1:8" x14ac:dyDescent="0.2">
      <c r="A63" s="4" t="s">
        <v>218</v>
      </c>
      <c r="B63" s="6" t="s">
        <v>2012</v>
      </c>
      <c r="C63" s="2" t="s">
        <v>2010</v>
      </c>
      <c r="D63" s="2" t="s">
        <v>2010</v>
      </c>
      <c r="E63" s="2" t="s">
        <v>49</v>
      </c>
      <c r="F63" s="2" t="s">
        <v>49</v>
      </c>
      <c r="G63" s="2" t="s">
        <v>49</v>
      </c>
      <c r="H63" s="2" t="s">
        <v>49</v>
      </c>
    </row>
    <row r="64" spans="1:8" x14ac:dyDescent="0.2">
      <c r="A64" s="4" t="s">
        <v>224</v>
      </c>
      <c r="B64" s="6" t="s">
        <v>2013</v>
      </c>
      <c r="C64" s="2" t="s">
        <v>1912</v>
      </c>
      <c r="D64" s="2" t="s">
        <v>1912</v>
      </c>
      <c r="E64" s="2" t="s">
        <v>1966</v>
      </c>
      <c r="F64" s="2" t="s">
        <v>1967</v>
      </c>
      <c r="G64" s="2" t="s">
        <v>1968</v>
      </c>
      <c r="H64" s="2" t="s">
        <v>1969</v>
      </c>
    </row>
    <row r="65" spans="1:8" x14ac:dyDescent="0.2">
      <c r="A65" s="4" t="s">
        <v>230</v>
      </c>
      <c r="B65" s="6" t="s">
        <v>2014</v>
      </c>
      <c r="C65" s="2" t="s">
        <v>49</v>
      </c>
      <c r="D65" s="2" t="s">
        <v>2015</v>
      </c>
      <c r="E65" s="2" t="s">
        <v>49</v>
      </c>
      <c r="F65" s="2" t="s">
        <v>49</v>
      </c>
      <c r="G65" s="2" t="s">
        <v>2016</v>
      </c>
      <c r="H65" s="2" t="s">
        <v>2017</v>
      </c>
    </row>
    <row r="67" spans="1:8" x14ac:dyDescent="0.2">
      <c r="A67" s="8" t="s">
        <v>6</v>
      </c>
      <c r="B67" s="8" t="s">
        <v>2018</v>
      </c>
      <c r="C67" s="8" t="s">
        <v>2019</v>
      </c>
    </row>
    <row r="68" spans="1:8" x14ac:dyDescent="0.2">
      <c r="A68" s="8" t="s">
        <v>7</v>
      </c>
      <c r="B68" s="8" t="s">
        <v>7</v>
      </c>
      <c r="C68" s="8" t="s">
        <v>7</v>
      </c>
    </row>
    <row r="69" spans="1:8" x14ac:dyDescent="0.2">
      <c r="A69" s="4" t="s">
        <v>235</v>
      </c>
      <c r="B69" s="6" t="s">
        <v>2020</v>
      </c>
      <c r="C69" s="2" t="s">
        <v>49</v>
      </c>
    </row>
    <row r="71" spans="1:8" x14ac:dyDescent="0.2">
      <c r="A71" s="8" t="s">
        <v>6</v>
      </c>
      <c r="B71" s="8" t="s">
        <v>2021</v>
      </c>
      <c r="C71" s="8" t="s">
        <v>2019</v>
      </c>
    </row>
    <row r="72" spans="1:8" x14ac:dyDescent="0.2">
      <c r="A72" s="8" t="s">
        <v>7</v>
      </c>
      <c r="B72" s="8" t="s">
        <v>7</v>
      </c>
      <c r="C72" s="8" t="s">
        <v>7</v>
      </c>
    </row>
    <row r="73" spans="1:8" x14ac:dyDescent="0.2">
      <c r="A73" s="4" t="s">
        <v>240</v>
      </c>
      <c r="B73" s="6" t="s">
        <v>2020</v>
      </c>
      <c r="C73" s="2" t="s">
        <v>49</v>
      </c>
    </row>
    <row r="75" spans="1:8" x14ac:dyDescent="0.2">
      <c r="A75" s="8" t="s">
        <v>6</v>
      </c>
      <c r="B75" s="8" t="s">
        <v>2022</v>
      </c>
      <c r="C75" s="8" t="s">
        <v>2023</v>
      </c>
    </row>
    <row r="76" spans="1:8" x14ac:dyDescent="0.2">
      <c r="A76" s="8" t="s">
        <v>7</v>
      </c>
      <c r="B76" s="8" t="s">
        <v>7</v>
      </c>
      <c r="C76" s="8" t="s">
        <v>7</v>
      </c>
    </row>
    <row r="77" spans="1:8" x14ac:dyDescent="0.2">
      <c r="A77" s="4" t="s">
        <v>241</v>
      </c>
      <c r="B77" s="6" t="s">
        <v>2024</v>
      </c>
      <c r="C77" s="2" t="s">
        <v>49</v>
      </c>
    </row>
    <row r="78" spans="1:8" x14ac:dyDescent="0.2">
      <c r="A78" s="4" t="s">
        <v>242</v>
      </c>
      <c r="B78" s="6" t="s">
        <v>2025</v>
      </c>
      <c r="C78" s="2" t="s">
        <v>49</v>
      </c>
    </row>
    <row r="79" spans="1:8" x14ac:dyDescent="0.2">
      <c r="A79" s="4" t="s">
        <v>244</v>
      </c>
      <c r="B79" s="6" t="s">
        <v>2026</v>
      </c>
      <c r="C79" s="2" t="s">
        <v>49</v>
      </c>
    </row>
    <row r="80" spans="1:8" x14ac:dyDescent="0.2">
      <c r="A80" s="4" t="s">
        <v>249</v>
      </c>
      <c r="B80" s="6" t="s">
        <v>2027</v>
      </c>
      <c r="C80" s="2" t="s">
        <v>49</v>
      </c>
    </row>
    <row r="82" spans="1:6" x14ac:dyDescent="0.2">
      <c r="A82" s="8" t="s">
        <v>6</v>
      </c>
      <c r="B82" s="8" t="s">
        <v>2028</v>
      </c>
      <c r="C82" s="8" t="s">
        <v>2029</v>
      </c>
      <c r="D82" s="8" t="s">
        <v>2029</v>
      </c>
    </row>
    <row r="83" spans="1:6" x14ac:dyDescent="0.2">
      <c r="A83" s="8" t="s">
        <v>7</v>
      </c>
      <c r="B83" s="8" t="s">
        <v>7</v>
      </c>
      <c r="C83" s="1" t="s">
        <v>2030</v>
      </c>
      <c r="D83" s="1" t="s">
        <v>2031</v>
      </c>
    </row>
    <row r="84" spans="1:6" x14ac:dyDescent="0.2">
      <c r="A84" s="4" t="s">
        <v>250</v>
      </c>
      <c r="B84" s="6" t="s">
        <v>2032</v>
      </c>
      <c r="C84" s="2" t="s">
        <v>2033</v>
      </c>
      <c r="D84" s="2" t="s">
        <v>2034</v>
      </c>
    </row>
    <row r="85" spans="1:6" x14ac:dyDescent="0.2">
      <c r="A85" s="4" t="s">
        <v>252</v>
      </c>
      <c r="B85" s="6" t="s">
        <v>2035</v>
      </c>
      <c r="C85" s="2" t="s">
        <v>2036</v>
      </c>
      <c r="D85" s="2" t="s">
        <v>2037</v>
      </c>
    </row>
    <row r="86" spans="1:6" x14ac:dyDescent="0.2">
      <c r="A86" s="4" t="s">
        <v>254</v>
      </c>
      <c r="B86" s="6" t="s">
        <v>2038</v>
      </c>
      <c r="C86" s="2" t="s">
        <v>2039</v>
      </c>
      <c r="D86" s="2" t="s">
        <v>2040</v>
      </c>
    </row>
    <row r="88" spans="1:6" x14ac:dyDescent="0.2">
      <c r="A88" s="8" t="s">
        <v>6</v>
      </c>
      <c r="B88" s="8" t="s">
        <v>2041</v>
      </c>
      <c r="C88" s="8" t="s">
        <v>9</v>
      </c>
      <c r="D88" s="8" t="s">
        <v>1587</v>
      </c>
      <c r="E88" s="8" t="s">
        <v>11</v>
      </c>
      <c r="F88" s="8" t="s">
        <v>11</v>
      </c>
    </row>
    <row r="89" spans="1:6" ht="21" x14ac:dyDescent="0.2">
      <c r="A89" s="8" t="s">
        <v>7</v>
      </c>
      <c r="B89" s="8" t="s">
        <v>7</v>
      </c>
      <c r="C89" s="8" t="s">
        <v>7</v>
      </c>
      <c r="D89" s="8" t="s">
        <v>7</v>
      </c>
      <c r="E89" s="1" t="s">
        <v>1910</v>
      </c>
      <c r="F89" s="1" t="s">
        <v>1911</v>
      </c>
    </row>
    <row r="90" spans="1:6" x14ac:dyDescent="0.2">
      <c r="A90" s="5" t="s">
        <v>256</v>
      </c>
      <c r="B90" s="7" t="s">
        <v>2042</v>
      </c>
      <c r="C90" s="3" t="s">
        <v>2043</v>
      </c>
      <c r="D90" s="3" t="s">
        <v>2044</v>
      </c>
      <c r="E90" s="3" t="s">
        <v>2045</v>
      </c>
      <c r="F90" s="3" t="s">
        <v>2046</v>
      </c>
    </row>
    <row r="91" spans="1:6" x14ac:dyDescent="0.2">
      <c r="A91" s="5" t="s">
        <v>258</v>
      </c>
      <c r="B91" s="7" t="s">
        <v>2047</v>
      </c>
      <c r="C91" s="3" t="s">
        <v>2048</v>
      </c>
      <c r="D91" s="3" t="s">
        <v>2048</v>
      </c>
      <c r="E91" s="3" t="s">
        <v>2049</v>
      </c>
      <c r="F91" s="3" t="s">
        <v>2050</v>
      </c>
    </row>
    <row r="92" spans="1:6" x14ac:dyDescent="0.2">
      <c r="A92" s="5" t="s">
        <v>260</v>
      </c>
      <c r="B92" s="7" t="s">
        <v>2051</v>
      </c>
      <c r="C92" s="3" t="s">
        <v>2052</v>
      </c>
      <c r="D92" s="3" t="s">
        <v>2052</v>
      </c>
      <c r="E92" s="3" t="s">
        <v>2053</v>
      </c>
      <c r="F92" s="3" t="s">
        <v>2054</v>
      </c>
    </row>
    <row r="93" spans="1:6" x14ac:dyDescent="0.2">
      <c r="A93" s="4" t="s">
        <v>262</v>
      </c>
      <c r="B93" s="6" t="s">
        <v>2055</v>
      </c>
      <c r="C93" s="2" t="s">
        <v>2056</v>
      </c>
      <c r="D93" s="2" t="s">
        <v>2056</v>
      </c>
      <c r="E93" s="2" t="s">
        <v>2057</v>
      </c>
      <c r="F93" s="2" t="s">
        <v>2058</v>
      </c>
    </row>
    <row r="94" spans="1:6" x14ac:dyDescent="0.2">
      <c r="A94" s="4" t="s">
        <v>268</v>
      </c>
      <c r="B94" s="6" t="s">
        <v>2059</v>
      </c>
      <c r="C94" s="2" t="s">
        <v>2060</v>
      </c>
      <c r="D94" s="2" t="s">
        <v>2060</v>
      </c>
      <c r="E94" s="2" t="s">
        <v>2061</v>
      </c>
      <c r="F94" s="2" t="s">
        <v>2062</v>
      </c>
    </row>
    <row r="95" spans="1:6" x14ac:dyDescent="0.2">
      <c r="A95" s="4" t="s">
        <v>274</v>
      </c>
      <c r="B95" s="6" t="s">
        <v>2063</v>
      </c>
      <c r="C95" s="2" t="s">
        <v>2064</v>
      </c>
      <c r="D95" s="2" t="s">
        <v>2064</v>
      </c>
      <c r="E95" s="2" t="s">
        <v>2065</v>
      </c>
      <c r="F95" s="2" t="s">
        <v>2066</v>
      </c>
    </row>
    <row r="96" spans="1:6" x14ac:dyDescent="0.2">
      <c r="A96" s="5" t="s">
        <v>276</v>
      </c>
      <c r="B96" s="7" t="s">
        <v>2067</v>
      </c>
      <c r="C96" s="3" t="s">
        <v>2068</v>
      </c>
      <c r="D96" s="3" t="s">
        <v>2068</v>
      </c>
      <c r="E96" s="3" t="s">
        <v>2069</v>
      </c>
      <c r="F96" s="3" t="s">
        <v>2070</v>
      </c>
    </row>
    <row r="97" spans="1:6" x14ac:dyDescent="0.2">
      <c r="A97" s="4" t="s">
        <v>278</v>
      </c>
      <c r="B97" s="6" t="s">
        <v>2055</v>
      </c>
      <c r="C97" s="2" t="s">
        <v>2071</v>
      </c>
      <c r="D97" s="2" t="s">
        <v>2071</v>
      </c>
      <c r="E97" s="2" t="s">
        <v>2072</v>
      </c>
      <c r="F97" s="2" t="s">
        <v>2073</v>
      </c>
    </row>
    <row r="98" spans="1:6" x14ac:dyDescent="0.2">
      <c r="A98" s="4" t="s">
        <v>280</v>
      </c>
      <c r="B98" s="6" t="s">
        <v>2059</v>
      </c>
      <c r="C98" s="2" t="s">
        <v>2074</v>
      </c>
      <c r="D98" s="2" t="s">
        <v>2074</v>
      </c>
      <c r="E98" s="2" t="s">
        <v>2075</v>
      </c>
      <c r="F98" s="2" t="s">
        <v>2076</v>
      </c>
    </row>
    <row r="99" spans="1:6" x14ac:dyDescent="0.2">
      <c r="A99" s="4" t="s">
        <v>282</v>
      </c>
      <c r="B99" s="6" t="s">
        <v>2063</v>
      </c>
      <c r="C99" s="2" t="s">
        <v>1869</v>
      </c>
      <c r="D99" s="2" t="s">
        <v>1869</v>
      </c>
      <c r="E99" s="2" t="s">
        <v>1867</v>
      </c>
      <c r="F99" s="2" t="s">
        <v>2077</v>
      </c>
    </row>
    <row r="100" spans="1:6" x14ac:dyDescent="0.2">
      <c r="A100" s="5" t="s">
        <v>284</v>
      </c>
      <c r="B100" s="7" t="s">
        <v>2078</v>
      </c>
      <c r="C100" s="3" t="s">
        <v>2079</v>
      </c>
      <c r="D100" s="3" t="s">
        <v>2080</v>
      </c>
      <c r="E100" s="3" t="s">
        <v>2081</v>
      </c>
      <c r="F100" s="3" t="s">
        <v>2082</v>
      </c>
    </row>
    <row r="101" spans="1:6" x14ac:dyDescent="0.2">
      <c r="A101" s="5" t="s">
        <v>285</v>
      </c>
      <c r="B101" s="7" t="s">
        <v>2083</v>
      </c>
      <c r="C101" s="3" t="s">
        <v>2084</v>
      </c>
      <c r="D101" s="3" t="s">
        <v>2085</v>
      </c>
      <c r="E101" s="3" t="s">
        <v>2086</v>
      </c>
      <c r="F101" s="3" t="s">
        <v>2087</v>
      </c>
    </row>
    <row r="102" spans="1:6" x14ac:dyDescent="0.2">
      <c r="A102" s="4" t="s">
        <v>286</v>
      </c>
      <c r="B102" s="6" t="s">
        <v>2088</v>
      </c>
      <c r="C102" s="2" t="s">
        <v>2084</v>
      </c>
      <c r="D102" s="2" t="s">
        <v>2084</v>
      </c>
      <c r="E102" s="2" t="s">
        <v>2089</v>
      </c>
      <c r="F102" s="2" t="s">
        <v>2087</v>
      </c>
    </row>
    <row r="103" spans="1:6" x14ac:dyDescent="0.2">
      <c r="A103" s="4" t="s">
        <v>288</v>
      </c>
      <c r="B103" s="6" t="s">
        <v>2090</v>
      </c>
      <c r="C103" s="2" t="s">
        <v>49</v>
      </c>
      <c r="D103" s="2" t="s">
        <v>2091</v>
      </c>
      <c r="E103" s="2" t="s">
        <v>2091</v>
      </c>
      <c r="F103" s="2" t="s">
        <v>49</v>
      </c>
    </row>
    <row r="104" spans="1:6" x14ac:dyDescent="0.2">
      <c r="A104" s="4" t="s">
        <v>291</v>
      </c>
      <c r="B104" s="6" t="s">
        <v>2092</v>
      </c>
      <c r="C104" s="2" t="s">
        <v>49</v>
      </c>
      <c r="D104" s="2" t="s">
        <v>2093</v>
      </c>
      <c r="E104" s="2" t="s">
        <v>2093</v>
      </c>
      <c r="F104" s="2" t="s">
        <v>49</v>
      </c>
    </row>
    <row r="105" spans="1:6" x14ac:dyDescent="0.2">
      <c r="A105" s="5" t="s">
        <v>296</v>
      </c>
      <c r="B105" s="7" t="s">
        <v>2094</v>
      </c>
      <c r="C105" s="3" t="s">
        <v>2095</v>
      </c>
      <c r="D105" s="3" t="s">
        <v>2095</v>
      </c>
      <c r="E105" s="3" t="s">
        <v>2096</v>
      </c>
      <c r="F105" s="3" t="s">
        <v>2097</v>
      </c>
    </row>
    <row r="106" spans="1:6" x14ac:dyDescent="0.2">
      <c r="A106" s="4" t="s">
        <v>298</v>
      </c>
      <c r="B106" s="6" t="s">
        <v>2098</v>
      </c>
      <c r="C106" s="2" t="s">
        <v>2095</v>
      </c>
      <c r="D106" s="2" t="s">
        <v>2095</v>
      </c>
      <c r="E106" s="2" t="s">
        <v>2096</v>
      </c>
      <c r="F106" s="2" t="s">
        <v>2097</v>
      </c>
    </row>
    <row r="107" spans="1:6" x14ac:dyDescent="0.2">
      <c r="A107" s="4" t="s">
        <v>300</v>
      </c>
      <c r="B107" s="6" t="s">
        <v>2099</v>
      </c>
      <c r="C107" s="2" t="s">
        <v>49</v>
      </c>
      <c r="D107" s="2" t="s">
        <v>49</v>
      </c>
      <c r="E107" s="2" t="s">
        <v>49</v>
      </c>
      <c r="F107" s="2" t="s">
        <v>49</v>
      </c>
    </row>
    <row r="108" spans="1:6" x14ac:dyDescent="0.2">
      <c r="A108" s="4" t="s">
        <v>302</v>
      </c>
      <c r="B108" s="6" t="s">
        <v>2092</v>
      </c>
      <c r="C108" s="2" t="s">
        <v>49</v>
      </c>
      <c r="D108" s="2" t="s">
        <v>49</v>
      </c>
      <c r="E108" s="2" t="s">
        <v>49</v>
      </c>
      <c r="F108" s="2" t="s">
        <v>49</v>
      </c>
    </row>
    <row r="109" spans="1:6" x14ac:dyDescent="0.2">
      <c r="A109" s="4" t="s">
        <v>315</v>
      </c>
      <c r="B109" s="6" t="s">
        <v>2100</v>
      </c>
      <c r="C109" s="2" t="s">
        <v>2101</v>
      </c>
      <c r="D109" s="2" t="s">
        <v>2101</v>
      </c>
      <c r="E109" s="2" t="s">
        <v>49</v>
      </c>
      <c r="F109" s="2" t="s">
        <v>49</v>
      </c>
    </row>
    <row r="110" spans="1:6" x14ac:dyDescent="0.2">
      <c r="A110" s="5" t="s">
        <v>324</v>
      </c>
      <c r="B110" s="7" t="s">
        <v>2102</v>
      </c>
      <c r="C110" s="3" t="s">
        <v>2103</v>
      </c>
      <c r="D110" s="3" t="s">
        <v>2103</v>
      </c>
      <c r="E110" s="3" t="s">
        <v>2104</v>
      </c>
      <c r="F110" s="3" t="s">
        <v>2105</v>
      </c>
    </row>
    <row r="111" spans="1:6" x14ac:dyDescent="0.2">
      <c r="A111" s="4" t="s">
        <v>333</v>
      </c>
      <c r="B111" s="6" t="s">
        <v>2106</v>
      </c>
      <c r="C111" s="2" t="s">
        <v>2107</v>
      </c>
      <c r="D111" s="2" t="s">
        <v>2107</v>
      </c>
      <c r="E111" s="2" t="s">
        <v>2108</v>
      </c>
      <c r="F111" s="2" t="s">
        <v>2108</v>
      </c>
    </row>
    <row r="112" spans="1:6" x14ac:dyDescent="0.2">
      <c r="A112" s="4" t="s">
        <v>342</v>
      </c>
      <c r="B112" s="6" t="s">
        <v>482</v>
      </c>
      <c r="C112" s="2" t="s">
        <v>2109</v>
      </c>
      <c r="D112" s="2" t="s">
        <v>2109</v>
      </c>
      <c r="E112" s="2" t="s">
        <v>2110</v>
      </c>
      <c r="F112" s="2" t="s">
        <v>2111</v>
      </c>
    </row>
    <row r="113" spans="1:8" x14ac:dyDescent="0.2">
      <c r="A113" s="4" t="s">
        <v>351</v>
      </c>
      <c r="B113" s="6" t="s">
        <v>492</v>
      </c>
      <c r="C113" s="2" t="s">
        <v>49</v>
      </c>
      <c r="D113" s="2" t="s">
        <v>49</v>
      </c>
      <c r="E113" s="2" t="s">
        <v>49</v>
      </c>
      <c r="F113" s="2" t="s">
        <v>49</v>
      </c>
    </row>
    <row r="114" spans="1:8" x14ac:dyDescent="0.2">
      <c r="A114" s="4" t="s">
        <v>360</v>
      </c>
      <c r="B114" s="6" t="s">
        <v>2112</v>
      </c>
      <c r="C114" s="2" t="s">
        <v>49</v>
      </c>
      <c r="D114" s="2" t="s">
        <v>49</v>
      </c>
      <c r="E114" s="2" t="s">
        <v>49</v>
      </c>
      <c r="F114" s="2" t="s">
        <v>49</v>
      </c>
    </row>
    <row r="115" spans="1:8" x14ac:dyDescent="0.2">
      <c r="A115" s="5" t="s">
        <v>367</v>
      </c>
      <c r="B115" s="7" t="s">
        <v>2113</v>
      </c>
      <c r="C115" s="3" t="s">
        <v>2114</v>
      </c>
      <c r="D115" s="3" t="s">
        <v>2114</v>
      </c>
      <c r="E115" s="3" t="s">
        <v>2115</v>
      </c>
      <c r="F115" s="3" t="s">
        <v>2116</v>
      </c>
    </row>
    <row r="116" spans="1:8" x14ac:dyDescent="0.2">
      <c r="A116" s="4" t="s">
        <v>375</v>
      </c>
      <c r="B116" s="6" t="s">
        <v>2117</v>
      </c>
      <c r="C116" s="2" t="s">
        <v>1876</v>
      </c>
      <c r="D116" s="2" t="s">
        <v>1876</v>
      </c>
      <c r="E116" s="2" t="s">
        <v>2118</v>
      </c>
      <c r="F116" s="2" t="s">
        <v>49</v>
      </c>
    </row>
    <row r="117" spans="1:8" x14ac:dyDescent="0.2">
      <c r="A117" s="4" t="s">
        <v>384</v>
      </c>
      <c r="B117" s="6" t="s">
        <v>2119</v>
      </c>
      <c r="C117" s="2" t="s">
        <v>2120</v>
      </c>
      <c r="D117" s="2" t="s">
        <v>2120</v>
      </c>
      <c r="E117" s="2" t="s">
        <v>2121</v>
      </c>
      <c r="F117" s="2" t="s">
        <v>2116</v>
      </c>
    </row>
    <row r="118" spans="1:8" x14ac:dyDescent="0.2">
      <c r="A118" s="5" t="s">
        <v>393</v>
      </c>
      <c r="B118" s="7" t="s">
        <v>2122</v>
      </c>
      <c r="C118" s="3" t="s">
        <v>49</v>
      </c>
      <c r="D118" s="3" t="s">
        <v>49</v>
      </c>
      <c r="E118" s="3" t="s">
        <v>49</v>
      </c>
      <c r="F118" s="3" t="s">
        <v>49</v>
      </c>
    </row>
    <row r="119" spans="1:8" x14ac:dyDescent="0.2">
      <c r="A119" s="4" t="s">
        <v>399</v>
      </c>
      <c r="B119" s="6" t="s">
        <v>2123</v>
      </c>
      <c r="C119" s="2" t="s">
        <v>49</v>
      </c>
      <c r="D119" s="2" t="s">
        <v>49</v>
      </c>
      <c r="E119" s="2" t="s">
        <v>49</v>
      </c>
      <c r="F119" s="2" t="s">
        <v>49</v>
      </c>
    </row>
    <row r="120" spans="1:8" x14ac:dyDescent="0.2">
      <c r="A120" s="4" t="s">
        <v>408</v>
      </c>
      <c r="B120" s="6" t="s">
        <v>2124</v>
      </c>
      <c r="C120" s="2" t="s">
        <v>49</v>
      </c>
      <c r="D120" s="2" t="s">
        <v>49</v>
      </c>
      <c r="E120" s="2" t="s">
        <v>49</v>
      </c>
      <c r="F120" s="2" t="s">
        <v>49</v>
      </c>
    </row>
    <row r="121" spans="1:8" x14ac:dyDescent="0.2">
      <c r="A121" s="4" t="s">
        <v>412</v>
      </c>
      <c r="B121" s="6" t="s">
        <v>2125</v>
      </c>
      <c r="C121" s="2" t="s">
        <v>49</v>
      </c>
      <c r="D121" s="2" t="s">
        <v>49</v>
      </c>
      <c r="E121" s="2" t="s">
        <v>49</v>
      </c>
      <c r="F121" s="2" t="s">
        <v>49</v>
      </c>
    </row>
    <row r="122" spans="1:8" x14ac:dyDescent="0.2">
      <c r="A122" s="5" t="s">
        <v>421</v>
      </c>
      <c r="B122" s="7" t="s">
        <v>2126</v>
      </c>
      <c r="C122" s="3" t="s">
        <v>2043</v>
      </c>
      <c r="D122" s="3" t="s">
        <v>2044</v>
      </c>
      <c r="E122" s="3" t="s">
        <v>2045</v>
      </c>
      <c r="F122" s="3" t="s">
        <v>2046</v>
      </c>
    </row>
    <row r="124" spans="1:8" x14ac:dyDescent="0.2">
      <c r="A124" s="8" t="s">
        <v>6</v>
      </c>
      <c r="B124" s="8" t="s">
        <v>2127</v>
      </c>
      <c r="C124" s="8" t="s">
        <v>619</v>
      </c>
      <c r="D124" s="8" t="s">
        <v>1959</v>
      </c>
      <c r="E124" s="8" t="s">
        <v>307</v>
      </c>
      <c r="F124" s="8" t="s">
        <v>7</v>
      </c>
      <c r="G124" s="8" t="s">
        <v>311</v>
      </c>
      <c r="H124" s="8" t="s">
        <v>311</v>
      </c>
    </row>
    <row r="125" spans="1:8" ht="21" x14ac:dyDescent="0.2">
      <c r="A125" s="8" t="s">
        <v>7</v>
      </c>
      <c r="B125" s="8" t="s">
        <v>7</v>
      </c>
      <c r="C125" s="8" t="s">
        <v>7</v>
      </c>
      <c r="D125" s="8" t="s">
        <v>7</v>
      </c>
      <c r="E125" s="1" t="s">
        <v>1910</v>
      </c>
      <c r="F125" s="1" t="s">
        <v>1911</v>
      </c>
      <c r="G125" s="1" t="s">
        <v>1910</v>
      </c>
      <c r="H125" s="1" t="s">
        <v>1911</v>
      </c>
    </row>
    <row r="126" spans="1:8" x14ac:dyDescent="0.2">
      <c r="A126" s="5" t="s">
        <v>428</v>
      </c>
      <c r="B126" s="7" t="s">
        <v>2128</v>
      </c>
      <c r="C126" s="3" t="s">
        <v>2129</v>
      </c>
      <c r="D126" s="3" t="s">
        <v>2130</v>
      </c>
      <c r="E126" s="3" t="s">
        <v>2131</v>
      </c>
      <c r="F126" s="3" t="s">
        <v>2132</v>
      </c>
      <c r="G126" s="3" t="s">
        <v>2133</v>
      </c>
      <c r="H126" s="3" t="s">
        <v>2134</v>
      </c>
    </row>
    <row r="127" spans="1:8" x14ac:dyDescent="0.2">
      <c r="A127" s="4" t="s">
        <v>430</v>
      </c>
      <c r="B127" s="6" t="s">
        <v>2135</v>
      </c>
      <c r="C127" s="2" t="s">
        <v>2136</v>
      </c>
      <c r="D127" s="2" t="s">
        <v>2137</v>
      </c>
      <c r="E127" s="2" t="s">
        <v>2131</v>
      </c>
      <c r="F127" s="2" t="s">
        <v>2132</v>
      </c>
      <c r="G127" s="2" t="s">
        <v>2133</v>
      </c>
      <c r="H127" s="2" t="s">
        <v>2134</v>
      </c>
    </row>
    <row r="128" spans="1:8" x14ac:dyDescent="0.2">
      <c r="A128" s="4" t="s">
        <v>432</v>
      </c>
      <c r="B128" s="6" t="s">
        <v>2138</v>
      </c>
      <c r="C128" s="2" t="s">
        <v>2139</v>
      </c>
      <c r="D128" s="2" t="s">
        <v>2139</v>
      </c>
      <c r="E128" s="2" t="s">
        <v>49</v>
      </c>
      <c r="F128" s="2" t="s">
        <v>49</v>
      </c>
      <c r="G128" s="2" t="s">
        <v>49</v>
      </c>
      <c r="H128" s="2" t="s">
        <v>49</v>
      </c>
    </row>
    <row r="129" spans="1:8" x14ac:dyDescent="0.2">
      <c r="A129" s="5" t="s">
        <v>434</v>
      </c>
      <c r="B129" s="7" t="s">
        <v>2140</v>
      </c>
      <c r="C129" s="3" t="s">
        <v>2141</v>
      </c>
      <c r="D129" s="3" t="s">
        <v>2142</v>
      </c>
      <c r="E129" s="3" t="s">
        <v>2143</v>
      </c>
      <c r="F129" s="3" t="s">
        <v>2144</v>
      </c>
      <c r="G129" s="3" t="s">
        <v>2145</v>
      </c>
      <c r="H129" s="3" t="s">
        <v>2146</v>
      </c>
    </row>
    <row r="130" spans="1:8" x14ac:dyDescent="0.2">
      <c r="A130" s="5" t="s">
        <v>436</v>
      </c>
      <c r="B130" s="7" t="s">
        <v>1970</v>
      </c>
      <c r="C130" s="3" t="s">
        <v>2147</v>
      </c>
      <c r="D130" s="3" t="s">
        <v>2148</v>
      </c>
      <c r="E130" s="3" t="s">
        <v>2149</v>
      </c>
      <c r="F130" s="3" t="s">
        <v>2150</v>
      </c>
      <c r="G130" s="3" t="s">
        <v>2151</v>
      </c>
      <c r="H130" s="3" t="s">
        <v>2152</v>
      </c>
    </row>
    <row r="131" spans="1:8" x14ac:dyDescent="0.2">
      <c r="A131" s="4" t="s">
        <v>438</v>
      </c>
      <c r="B131" s="6" t="s">
        <v>2153</v>
      </c>
      <c r="C131" s="2" t="s">
        <v>2154</v>
      </c>
      <c r="D131" s="2" t="s">
        <v>2155</v>
      </c>
      <c r="E131" s="2" t="s">
        <v>2156</v>
      </c>
      <c r="F131" s="2" t="s">
        <v>2157</v>
      </c>
      <c r="G131" s="2" t="s">
        <v>2158</v>
      </c>
      <c r="H131" s="2" t="s">
        <v>2159</v>
      </c>
    </row>
    <row r="132" spans="1:8" x14ac:dyDescent="0.2">
      <c r="A132" s="4" t="s">
        <v>439</v>
      </c>
      <c r="B132" s="6" t="s">
        <v>1979</v>
      </c>
      <c r="C132" s="2" t="s">
        <v>2160</v>
      </c>
      <c r="D132" s="2" t="s">
        <v>2161</v>
      </c>
      <c r="E132" s="2" t="s">
        <v>2162</v>
      </c>
      <c r="F132" s="2" t="s">
        <v>2163</v>
      </c>
      <c r="G132" s="2" t="s">
        <v>2164</v>
      </c>
      <c r="H132" s="2" t="s">
        <v>2165</v>
      </c>
    </row>
    <row r="133" spans="1:8" x14ac:dyDescent="0.2">
      <c r="A133" s="4" t="s">
        <v>440</v>
      </c>
      <c r="B133" s="6" t="s">
        <v>1986</v>
      </c>
      <c r="C133" s="2" t="s">
        <v>2166</v>
      </c>
      <c r="D133" s="2" t="s">
        <v>2167</v>
      </c>
      <c r="E133" s="2" t="s">
        <v>2168</v>
      </c>
      <c r="F133" s="2" t="s">
        <v>2169</v>
      </c>
      <c r="G133" s="2" t="s">
        <v>2170</v>
      </c>
      <c r="H133" s="2" t="s">
        <v>2171</v>
      </c>
    </row>
    <row r="134" spans="1:8" x14ac:dyDescent="0.2">
      <c r="A134" s="5" t="s">
        <v>442</v>
      </c>
      <c r="B134" s="7" t="s">
        <v>2172</v>
      </c>
      <c r="C134" s="3" t="s">
        <v>2173</v>
      </c>
      <c r="D134" s="3" t="s">
        <v>2174</v>
      </c>
      <c r="E134" s="3" t="s">
        <v>2175</v>
      </c>
      <c r="F134" s="3" t="s">
        <v>2176</v>
      </c>
      <c r="G134" s="3" t="s">
        <v>2177</v>
      </c>
      <c r="H134" s="3" t="s">
        <v>2178</v>
      </c>
    </row>
    <row r="135" spans="1:8" x14ac:dyDescent="0.2">
      <c r="A135" s="4" t="s">
        <v>444</v>
      </c>
      <c r="B135" s="6" t="s">
        <v>1999</v>
      </c>
      <c r="C135" s="2" t="s">
        <v>2179</v>
      </c>
      <c r="D135" s="2" t="s">
        <v>2179</v>
      </c>
      <c r="E135" s="2" t="s">
        <v>2180</v>
      </c>
      <c r="F135" s="2" t="s">
        <v>2181</v>
      </c>
      <c r="G135" s="2" t="s">
        <v>2182</v>
      </c>
      <c r="H135" s="2" t="s">
        <v>2183</v>
      </c>
    </row>
    <row r="136" spans="1:8" x14ac:dyDescent="0.2">
      <c r="A136" s="4" t="s">
        <v>446</v>
      </c>
      <c r="B136" s="6" t="s">
        <v>1979</v>
      </c>
      <c r="C136" s="2" t="s">
        <v>2184</v>
      </c>
      <c r="D136" s="2" t="s">
        <v>2184</v>
      </c>
      <c r="E136" s="2" t="s">
        <v>2185</v>
      </c>
      <c r="F136" s="2" t="s">
        <v>2186</v>
      </c>
      <c r="G136" s="2" t="s">
        <v>2187</v>
      </c>
      <c r="H136" s="2" t="s">
        <v>2188</v>
      </c>
    </row>
    <row r="137" spans="1:8" x14ac:dyDescent="0.2">
      <c r="A137" s="4" t="s">
        <v>449</v>
      </c>
      <c r="B137" s="6" t="s">
        <v>1986</v>
      </c>
      <c r="C137" s="2" t="s">
        <v>2189</v>
      </c>
      <c r="D137" s="2" t="s">
        <v>2190</v>
      </c>
      <c r="E137" s="2" t="s">
        <v>2191</v>
      </c>
      <c r="F137" s="2" t="s">
        <v>2192</v>
      </c>
      <c r="G137" s="2" t="s">
        <v>2193</v>
      </c>
      <c r="H137" s="2" t="s">
        <v>49</v>
      </c>
    </row>
    <row r="138" spans="1:8" x14ac:dyDescent="0.2">
      <c r="A138" s="5" t="s">
        <v>451</v>
      </c>
      <c r="B138" s="7" t="s">
        <v>2009</v>
      </c>
      <c r="C138" s="3" t="s">
        <v>2194</v>
      </c>
      <c r="D138" s="3" t="s">
        <v>2194</v>
      </c>
      <c r="E138" s="3" t="s">
        <v>49</v>
      </c>
      <c r="F138" s="3" t="s">
        <v>2195</v>
      </c>
      <c r="G138" s="3" t="s">
        <v>49</v>
      </c>
      <c r="H138" s="3" t="s">
        <v>2196</v>
      </c>
    </row>
    <row r="139" spans="1:8" x14ac:dyDescent="0.2">
      <c r="A139" s="4" t="s">
        <v>453</v>
      </c>
      <c r="B139" s="6" t="s">
        <v>2011</v>
      </c>
      <c r="C139" s="2" t="s">
        <v>2194</v>
      </c>
      <c r="D139" s="2" t="s">
        <v>2194</v>
      </c>
      <c r="E139" s="2" t="s">
        <v>49</v>
      </c>
      <c r="F139" s="2" t="s">
        <v>2195</v>
      </c>
      <c r="G139" s="2" t="s">
        <v>49</v>
      </c>
      <c r="H139" s="2" t="s">
        <v>2196</v>
      </c>
    </row>
    <row r="140" spans="1:8" x14ac:dyDescent="0.2">
      <c r="A140" s="4" t="s">
        <v>455</v>
      </c>
      <c r="B140" s="6" t="s">
        <v>2012</v>
      </c>
      <c r="C140" s="2" t="s">
        <v>49</v>
      </c>
      <c r="D140" s="2" t="s">
        <v>49</v>
      </c>
      <c r="E140" s="2" t="s">
        <v>49</v>
      </c>
      <c r="F140" s="2" t="s">
        <v>49</v>
      </c>
      <c r="G140" s="2" t="s">
        <v>49</v>
      </c>
      <c r="H140" s="2" t="s">
        <v>49</v>
      </c>
    </row>
    <row r="141" spans="1:8" x14ac:dyDescent="0.2">
      <c r="A141" s="4" t="s">
        <v>457</v>
      </c>
      <c r="B141" s="6" t="s">
        <v>2197</v>
      </c>
      <c r="C141" s="2" t="s">
        <v>2198</v>
      </c>
      <c r="D141" s="2" t="s">
        <v>2199</v>
      </c>
      <c r="E141" s="2" t="s">
        <v>2200</v>
      </c>
      <c r="F141" s="2" t="s">
        <v>2201</v>
      </c>
      <c r="G141" s="2" t="s">
        <v>2202</v>
      </c>
      <c r="H141" s="2" t="s">
        <v>2203</v>
      </c>
    </row>
    <row r="142" spans="1:8" x14ac:dyDescent="0.2">
      <c r="A142" s="4" t="s">
        <v>459</v>
      </c>
      <c r="B142" s="6" t="s">
        <v>2204</v>
      </c>
      <c r="C142" s="2" t="s">
        <v>2205</v>
      </c>
      <c r="D142" s="2" t="s">
        <v>2206</v>
      </c>
      <c r="E142" s="2" t="s">
        <v>2207</v>
      </c>
      <c r="F142" s="2" t="s">
        <v>2208</v>
      </c>
      <c r="G142" s="2" t="s">
        <v>49</v>
      </c>
      <c r="H142" s="2" t="s">
        <v>49</v>
      </c>
    </row>
    <row r="144" spans="1:8" x14ac:dyDescent="0.2">
      <c r="A144" s="8" t="s">
        <v>6</v>
      </c>
      <c r="B144" s="8" t="s">
        <v>2209</v>
      </c>
      <c r="C144" s="8" t="s">
        <v>2023</v>
      </c>
    </row>
    <row r="145" spans="1:3" x14ac:dyDescent="0.2">
      <c r="A145" s="8" t="s">
        <v>7</v>
      </c>
      <c r="B145" s="8" t="s">
        <v>7</v>
      </c>
      <c r="C145" s="8" t="s">
        <v>7</v>
      </c>
    </row>
    <row r="146" spans="1:3" x14ac:dyDescent="0.2">
      <c r="A146" s="4" t="s">
        <v>461</v>
      </c>
      <c r="B146" s="6" t="s">
        <v>2210</v>
      </c>
      <c r="C146" s="2" t="s">
        <v>531</v>
      </c>
    </row>
    <row r="147" spans="1:3" x14ac:dyDescent="0.2">
      <c r="A147" s="4" t="s">
        <v>467</v>
      </c>
      <c r="B147" s="6" t="s">
        <v>2211</v>
      </c>
      <c r="C147" s="2" t="s">
        <v>49</v>
      </c>
    </row>
  </sheetData>
  <mergeCells count="43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47:A48"/>
    <mergeCell ref="B47:B48"/>
    <mergeCell ref="C47:C48"/>
    <mergeCell ref="D47:D48"/>
    <mergeCell ref="E47:F47"/>
    <mergeCell ref="G47:H47"/>
    <mergeCell ref="A67:A68"/>
    <mergeCell ref="B67:B68"/>
    <mergeCell ref="C67:C68"/>
    <mergeCell ref="A71:A72"/>
    <mergeCell ref="B71:B72"/>
    <mergeCell ref="C71:C72"/>
    <mergeCell ref="B124:B125"/>
    <mergeCell ref="C124:C125"/>
    <mergeCell ref="D124:D125"/>
    <mergeCell ref="E124:F124"/>
    <mergeCell ref="A75:A76"/>
    <mergeCell ref="B75:B76"/>
    <mergeCell ref="C75:C76"/>
    <mergeCell ref="A82:A83"/>
    <mergeCell ref="B82:B83"/>
    <mergeCell ref="C82:D82"/>
    <mergeCell ref="G124:H124"/>
    <mergeCell ref="A144:A145"/>
    <mergeCell ref="B144:B145"/>
    <mergeCell ref="C144:C145"/>
    <mergeCell ref="A88:A89"/>
    <mergeCell ref="B88:B89"/>
    <mergeCell ref="C88:C89"/>
    <mergeCell ref="D88:D89"/>
    <mergeCell ref="E88:F88"/>
    <mergeCell ref="A124:A125"/>
  </mergeCells>
  <pageMargins left="0.78740157499999996" right="0.78740157499999996" top="0.984251969" bottom="0.984251969" header="0.5" footer="0.5"/>
  <pageSetup orientation="portrait" horizontalDpi="300" verticalDpi="300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E29"/>
  <sheetViews>
    <sheetView showGridLines="0" workbookViewId="0">
      <selection sqref="A1:IV65536"/>
    </sheetView>
  </sheetViews>
  <sheetFormatPr defaultRowHeight="12.75" x14ac:dyDescent="0.2"/>
  <cols>
    <col min="1" max="1" width="3.28515625" customWidth="1"/>
    <col min="2" max="2" width="97.85546875" bestFit="1" customWidth="1"/>
    <col min="3" max="3" width="22" bestFit="1" customWidth="1"/>
    <col min="4" max="4" width="21.5703125" bestFit="1" customWidth="1"/>
    <col min="5" max="5" width="17.28515625" bestFit="1" customWidth="1"/>
  </cols>
  <sheetData>
    <row r="3" spans="1:5" x14ac:dyDescent="0.2">
      <c r="A3" s="9" t="s">
        <v>0</v>
      </c>
      <c r="B3" s="10"/>
      <c r="C3" s="10"/>
      <c r="D3" s="10"/>
      <c r="E3" s="10"/>
    </row>
    <row r="4" spans="1:5" x14ac:dyDescent="0.2">
      <c r="A4" s="9" t="s">
        <v>1</v>
      </c>
      <c r="B4" s="10"/>
      <c r="C4" s="10"/>
      <c r="D4" s="10"/>
      <c r="E4" s="10"/>
    </row>
    <row r="5" spans="1:5" x14ac:dyDescent="0.2">
      <c r="A5" s="9" t="s">
        <v>2212</v>
      </c>
      <c r="B5" s="10"/>
      <c r="C5" s="10"/>
      <c r="D5" s="10"/>
      <c r="E5" s="10"/>
    </row>
    <row r="6" spans="1:5" x14ac:dyDescent="0.2">
      <c r="A6" s="9" t="s">
        <v>3</v>
      </c>
      <c r="B6" s="10"/>
      <c r="C6" s="10"/>
      <c r="D6" s="10"/>
      <c r="E6" s="10"/>
    </row>
    <row r="7" spans="1:5" x14ac:dyDescent="0.2">
      <c r="A7" s="9" t="s">
        <v>4</v>
      </c>
      <c r="B7" s="10"/>
      <c r="C7" s="10"/>
      <c r="D7" s="10"/>
      <c r="E7" s="10"/>
    </row>
    <row r="9" spans="1:5" x14ac:dyDescent="0.2">
      <c r="A9" s="11" t="s">
        <v>2213</v>
      </c>
      <c r="B9" s="10"/>
      <c r="C9" s="10"/>
      <c r="D9" s="10"/>
      <c r="E9" s="10"/>
    </row>
    <row r="10" spans="1:5" x14ac:dyDescent="0.2">
      <c r="A10" s="8" t="s">
        <v>6</v>
      </c>
      <c r="B10" s="8" t="s">
        <v>2214</v>
      </c>
      <c r="C10" s="8" t="s">
        <v>2215</v>
      </c>
      <c r="D10" s="8" t="s">
        <v>7</v>
      </c>
      <c r="E10" s="8" t="s">
        <v>2215</v>
      </c>
    </row>
    <row r="11" spans="1:5" ht="21" x14ac:dyDescent="0.2">
      <c r="A11" s="8" t="s">
        <v>7</v>
      </c>
      <c r="B11" s="8" t="s">
        <v>7</v>
      </c>
      <c r="C11" s="1" t="s">
        <v>2216</v>
      </c>
      <c r="D11" s="1" t="s">
        <v>2217</v>
      </c>
      <c r="E11" s="1" t="s">
        <v>2218</v>
      </c>
    </row>
    <row r="12" spans="1:5" x14ac:dyDescent="0.2">
      <c r="A12" s="4" t="s">
        <v>17</v>
      </c>
      <c r="B12" s="6" t="s">
        <v>2219</v>
      </c>
      <c r="C12" s="2" t="s">
        <v>2220</v>
      </c>
      <c r="D12" s="2" t="s">
        <v>2220</v>
      </c>
      <c r="E12" s="2" t="s">
        <v>2221</v>
      </c>
    </row>
    <row r="13" spans="1:5" x14ac:dyDescent="0.2">
      <c r="A13" s="5" t="s">
        <v>23</v>
      </c>
      <c r="B13" s="7" t="s">
        <v>2222</v>
      </c>
      <c r="C13" s="3" t="s">
        <v>2223</v>
      </c>
      <c r="D13" s="3" t="s">
        <v>2223</v>
      </c>
      <c r="E13" s="3" t="s">
        <v>2224</v>
      </c>
    </row>
    <row r="14" spans="1:5" x14ac:dyDescent="0.2">
      <c r="A14" s="5" t="s">
        <v>29</v>
      </c>
      <c r="B14" s="7" t="s">
        <v>2225</v>
      </c>
      <c r="C14" s="3" t="s">
        <v>2223</v>
      </c>
      <c r="D14" s="3" t="s">
        <v>2223</v>
      </c>
      <c r="E14" s="3" t="s">
        <v>2224</v>
      </c>
    </row>
    <row r="15" spans="1:5" x14ac:dyDescent="0.2">
      <c r="A15" s="4" t="s">
        <v>35</v>
      </c>
      <c r="B15" s="6" t="s">
        <v>2226</v>
      </c>
      <c r="C15" s="2" t="s">
        <v>2227</v>
      </c>
      <c r="D15" s="2" t="s">
        <v>2227</v>
      </c>
      <c r="E15" s="2" t="s">
        <v>2228</v>
      </c>
    </row>
    <row r="16" spans="1:5" x14ac:dyDescent="0.2">
      <c r="A16" s="4" t="s">
        <v>41</v>
      </c>
      <c r="B16" s="6" t="s">
        <v>2229</v>
      </c>
      <c r="C16" s="2" t="s">
        <v>2230</v>
      </c>
      <c r="D16" s="2" t="s">
        <v>2230</v>
      </c>
      <c r="E16" s="2" t="s">
        <v>2231</v>
      </c>
    </row>
    <row r="17" spans="1:5" x14ac:dyDescent="0.2">
      <c r="A17" s="4" t="s">
        <v>47</v>
      </c>
      <c r="B17" s="6" t="s">
        <v>2232</v>
      </c>
      <c r="C17" s="2" t="s">
        <v>49</v>
      </c>
      <c r="D17" s="2" t="s">
        <v>49</v>
      </c>
      <c r="E17" s="2" t="s">
        <v>49</v>
      </c>
    </row>
    <row r="18" spans="1:5" x14ac:dyDescent="0.2">
      <c r="A18" s="5" t="s">
        <v>50</v>
      </c>
      <c r="B18" s="7" t="s">
        <v>2233</v>
      </c>
      <c r="C18" s="3" t="s">
        <v>2234</v>
      </c>
      <c r="D18" s="3" t="s">
        <v>2234</v>
      </c>
      <c r="E18" s="3" t="s">
        <v>2235</v>
      </c>
    </row>
    <row r="19" spans="1:5" x14ac:dyDescent="0.2">
      <c r="A19" s="4" t="s">
        <v>56</v>
      </c>
      <c r="B19" s="6" t="s">
        <v>2236</v>
      </c>
      <c r="C19" s="2" t="s">
        <v>49</v>
      </c>
      <c r="D19" s="2" t="s">
        <v>49</v>
      </c>
      <c r="E19" s="2" t="s">
        <v>49</v>
      </c>
    </row>
    <row r="20" spans="1:5" x14ac:dyDescent="0.2">
      <c r="A20" s="4" t="s">
        <v>58</v>
      </c>
      <c r="B20" s="6" t="s">
        <v>2237</v>
      </c>
      <c r="C20" s="2" t="s">
        <v>2238</v>
      </c>
      <c r="D20" s="2" t="s">
        <v>2238</v>
      </c>
      <c r="E20" s="2" t="s">
        <v>2239</v>
      </c>
    </row>
    <row r="21" spans="1:5" x14ac:dyDescent="0.2">
      <c r="A21" s="5" t="s">
        <v>60</v>
      </c>
      <c r="B21" s="7" t="s">
        <v>2240</v>
      </c>
      <c r="C21" s="3" t="s">
        <v>2241</v>
      </c>
      <c r="D21" s="3" t="s">
        <v>2241</v>
      </c>
      <c r="E21" s="3" t="s">
        <v>2242</v>
      </c>
    </row>
    <row r="23" spans="1:5" x14ac:dyDescent="0.2">
      <c r="A23" s="8" t="s">
        <v>6</v>
      </c>
      <c r="B23" s="8" t="s">
        <v>2243</v>
      </c>
      <c r="C23" s="8" t="s">
        <v>2029</v>
      </c>
      <c r="D23" s="8" t="s">
        <v>2029</v>
      </c>
    </row>
    <row r="24" spans="1:5" x14ac:dyDescent="0.2">
      <c r="A24" s="8" t="s">
        <v>7</v>
      </c>
      <c r="B24" s="8" t="s">
        <v>7</v>
      </c>
      <c r="C24" s="1" t="s">
        <v>2244</v>
      </c>
      <c r="D24" s="1" t="s">
        <v>2245</v>
      </c>
    </row>
    <row r="25" spans="1:5" x14ac:dyDescent="0.2">
      <c r="A25" s="4" t="s">
        <v>62</v>
      </c>
      <c r="B25" s="6" t="s">
        <v>2020</v>
      </c>
      <c r="C25" s="2" t="s">
        <v>2246</v>
      </c>
      <c r="D25" s="2" t="s">
        <v>2246</v>
      </c>
    </row>
    <row r="27" spans="1:5" x14ac:dyDescent="0.2">
      <c r="A27" s="8" t="s">
        <v>6</v>
      </c>
      <c r="B27" s="8" t="s">
        <v>2247</v>
      </c>
      <c r="C27" s="8" t="s">
        <v>2248</v>
      </c>
    </row>
    <row r="28" spans="1:5" x14ac:dyDescent="0.2">
      <c r="A28" s="8" t="s">
        <v>7</v>
      </c>
      <c r="B28" s="8" t="s">
        <v>7</v>
      </c>
      <c r="C28" s="8" t="s">
        <v>7</v>
      </c>
    </row>
    <row r="29" spans="1:5" x14ac:dyDescent="0.2">
      <c r="A29" s="4" t="s">
        <v>68</v>
      </c>
      <c r="B29" s="6" t="s">
        <v>2249</v>
      </c>
      <c r="C29" s="2" t="s">
        <v>2250</v>
      </c>
    </row>
  </sheetData>
  <mergeCells count="15">
    <mergeCell ref="A3:E3"/>
    <mergeCell ref="A4:E4"/>
    <mergeCell ref="A5:E5"/>
    <mergeCell ref="A6:E6"/>
    <mergeCell ref="A7:E7"/>
    <mergeCell ref="A9:E9"/>
    <mergeCell ref="A27:A28"/>
    <mergeCell ref="B27:B28"/>
    <mergeCell ref="C27:C28"/>
    <mergeCell ref="A10:A11"/>
    <mergeCell ref="B10:B11"/>
    <mergeCell ref="C10:E10"/>
    <mergeCell ref="A23:A24"/>
    <mergeCell ref="B23:B24"/>
    <mergeCell ref="C23:D23"/>
  </mergeCells>
  <pageMargins left="0.78740157499999996" right="0.78740157499999996" top="0.984251969" bottom="0.984251969" header="0.5" footer="0.5"/>
  <pageSetup orientation="portrait" horizontalDpi="300" verticalDpi="300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G68"/>
  <sheetViews>
    <sheetView showGridLines="0" workbookViewId="0"/>
  </sheetViews>
  <sheetFormatPr defaultRowHeight="12.75" x14ac:dyDescent="0.2"/>
  <cols>
    <col min="1" max="1" width="3.28515625" customWidth="1"/>
    <col min="2" max="2" width="55.7109375" customWidth="1"/>
    <col min="3" max="3" width="18.140625" customWidth="1"/>
    <col min="4" max="5" width="19.42578125" customWidth="1"/>
  </cols>
  <sheetData>
    <row r="3" spans="1:7" x14ac:dyDescent="0.2">
      <c r="A3" s="9" t="s">
        <v>0</v>
      </c>
      <c r="B3" s="10"/>
      <c r="C3" s="10"/>
      <c r="D3" s="10"/>
      <c r="E3" s="10"/>
      <c r="F3" s="10"/>
      <c r="G3" s="10"/>
    </row>
    <row r="4" spans="1:7" x14ac:dyDescent="0.2">
      <c r="A4" s="9" t="s">
        <v>1</v>
      </c>
      <c r="B4" s="10"/>
      <c r="C4" s="10"/>
      <c r="D4" s="10"/>
      <c r="E4" s="10"/>
      <c r="F4" s="10"/>
      <c r="G4" s="10"/>
    </row>
    <row r="5" spans="1:7" x14ac:dyDescent="0.2">
      <c r="A5" s="9" t="s">
        <v>2251</v>
      </c>
      <c r="B5" s="10"/>
      <c r="C5" s="10"/>
      <c r="D5" s="10"/>
      <c r="E5" s="10"/>
      <c r="F5" s="10"/>
      <c r="G5" s="10"/>
    </row>
    <row r="6" spans="1:7" x14ac:dyDescent="0.2">
      <c r="A6" s="9" t="s">
        <v>3</v>
      </c>
      <c r="B6" s="10"/>
      <c r="C6" s="10"/>
      <c r="D6" s="10"/>
      <c r="E6" s="10"/>
      <c r="F6" s="10"/>
      <c r="G6" s="10"/>
    </row>
    <row r="7" spans="1:7" x14ac:dyDescent="0.2">
      <c r="A7" s="9" t="s">
        <v>4</v>
      </c>
      <c r="B7" s="10"/>
      <c r="C7" s="10"/>
      <c r="D7" s="10"/>
      <c r="E7" s="10"/>
      <c r="F7" s="10"/>
      <c r="G7" s="10"/>
    </row>
    <row r="9" spans="1:7" x14ac:dyDescent="0.2">
      <c r="A9" s="11" t="s">
        <v>2213</v>
      </c>
      <c r="B9" s="10"/>
      <c r="C9" s="10"/>
      <c r="D9" s="10"/>
      <c r="E9" s="10"/>
      <c r="F9" s="10"/>
      <c r="G9" s="10"/>
    </row>
    <row r="10" spans="1:7" x14ac:dyDescent="0.2">
      <c r="A10" s="8" t="s">
        <v>6</v>
      </c>
      <c r="B10" s="8" t="s">
        <v>2252</v>
      </c>
      <c r="C10" s="8" t="s">
        <v>1587</v>
      </c>
      <c r="D10" s="8" t="s">
        <v>11</v>
      </c>
      <c r="E10" s="8" t="s">
        <v>11</v>
      </c>
    </row>
    <row r="11" spans="1:7" ht="21" x14ac:dyDescent="0.2">
      <c r="A11" s="8" t="s">
        <v>7</v>
      </c>
      <c r="B11" s="8" t="s">
        <v>7</v>
      </c>
      <c r="C11" s="8" t="s">
        <v>7</v>
      </c>
      <c r="D11" s="1" t="s">
        <v>1910</v>
      </c>
      <c r="E11" s="1" t="s">
        <v>1911</v>
      </c>
    </row>
    <row r="12" spans="1:7" x14ac:dyDescent="0.2">
      <c r="A12" s="5" t="s">
        <v>17</v>
      </c>
      <c r="B12" s="7" t="s">
        <v>2253</v>
      </c>
      <c r="C12" s="3" t="s">
        <v>2254</v>
      </c>
      <c r="D12" s="3" t="s">
        <v>2255</v>
      </c>
      <c r="E12" s="3" t="s">
        <v>2256</v>
      </c>
    </row>
    <row r="13" spans="1:7" x14ac:dyDescent="0.2">
      <c r="A13" s="5" t="s">
        <v>23</v>
      </c>
      <c r="B13" s="7" t="s">
        <v>2257</v>
      </c>
      <c r="C13" s="3" t="s">
        <v>31</v>
      </c>
      <c r="D13" s="3" t="s">
        <v>32</v>
      </c>
      <c r="E13" s="3" t="s">
        <v>2258</v>
      </c>
    </row>
    <row r="14" spans="1:7" x14ac:dyDescent="0.2">
      <c r="A14" s="4" t="s">
        <v>29</v>
      </c>
      <c r="B14" s="6" t="s">
        <v>1617</v>
      </c>
      <c r="C14" s="2" t="s">
        <v>2259</v>
      </c>
      <c r="D14" s="2" t="s">
        <v>2260</v>
      </c>
      <c r="E14" s="2" t="s">
        <v>2261</v>
      </c>
    </row>
    <row r="15" spans="1:7" x14ac:dyDescent="0.2">
      <c r="A15" s="4" t="s">
        <v>35</v>
      </c>
      <c r="B15" s="6" t="s">
        <v>1632</v>
      </c>
      <c r="C15" s="2" t="s">
        <v>2262</v>
      </c>
      <c r="D15" s="2" t="s">
        <v>2263</v>
      </c>
      <c r="E15" s="2" t="s">
        <v>2264</v>
      </c>
    </row>
    <row r="16" spans="1:7" x14ac:dyDescent="0.2">
      <c r="A16" s="4" t="s">
        <v>41</v>
      </c>
      <c r="B16" s="6" t="s">
        <v>1647</v>
      </c>
      <c r="C16" s="2" t="s">
        <v>2265</v>
      </c>
      <c r="D16" s="2" t="s">
        <v>2266</v>
      </c>
      <c r="E16" s="2" t="s">
        <v>2267</v>
      </c>
    </row>
    <row r="17" spans="1:5" x14ac:dyDescent="0.2">
      <c r="A17" s="4" t="s">
        <v>47</v>
      </c>
      <c r="B17" s="6" t="s">
        <v>1662</v>
      </c>
      <c r="C17" s="2" t="s">
        <v>2268</v>
      </c>
      <c r="D17" s="2" t="s">
        <v>2269</v>
      </c>
      <c r="E17" s="2" t="s">
        <v>2270</v>
      </c>
    </row>
    <row r="18" spans="1:5" x14ac:dyDescent="0.2">
      <c r="A18" s="4" t="s">
        <v>50</v>
      </c>
      <c r="B18" s="6" t="s">
        <v>1677</v>
      </c>
      <c r="C18" s="2" t="s">
        <v>2271</v>
      </c>
      <c r="D18" s="2" t="s">
        <v>2272</v>
      </c>
      <c r="E18" s="2" t="s">
        <v>2273</v>
      </c>
    </row>
    <row r="19" spans="1:5" x14ac:dyDescent="0.2">
      <c r="A19" s="5" t="s">
        <v>56</v>
      </c>
      <c r="B19" s="7" t="s">
        <v>2274</v>
      </c>
      <c r="C19" s="3" t="s">
        <v>2275</v>
      </c>
      <c r="D19" s="3" t="s">
        <v>2276</v>
      </c>
      <c r="E19" s="3" t="s">
        <v>2277</v>
      </c>
    </row>
    <row r="20" spans="1:5" x14ac:dyDescent="0.2">
      <c r="A20" s="4" t="s">
        <v>58</v>
      </c>
      <c r="B20" s="6" t="s">
        <v>2278</v>
      </c>
      <c r="C20" s="2" t="s">
        <v>2275</v>
      </c>
      <c r="D20" s="2" t="s">
        <v>2276</v>
      </c>
      <c r="E20" s="2" t="s">
        <v>2277</v>
      </c>
    </row>
    <row r="21" spans="1:5" x14ac:dyDescent="0.2">
      <c r="A21" s="4" t="s">
        <v>60</v>
      </c>
      <c r="B21" s="6" t="s">
        <v>2279</v>
      </c>
      <c r="C21" s="2" t="s">
        <v>49</v>
      </c>
      <c r="D21" s="2" t="s">
        <v>49</v>
      </c>
      <c r="E21" s="2" t="s">
        <v>49</v>
      </c>
    </row>
    <row r="22" spans="1:5" x14ac:dyDescent="0.2">
      <c r="A22" s="5" t="s">
        <v>62</v>
      </c>
      <c r="B22" s="7" t="s">
        <v>2280</v>
      </c>
      <c r="C22" s="3" t="s">
        <v>2281</v>
      </c>
      <c r="D22" s="3" t="s">
        <v>2282</v>
      </c>
      <c r="E22" s="3" t="s">
        <v>2283</v>
      </c>
    </row>
    <row r="23" spans="1:5" x14ac:dyDescent="0.2">
      <c r="A23" s="4" t="s">
        <v>68</v>
      </c>
      <c r="B23" s="6" t="s">
        <v>2284</v>
      </c>
      <c r="C23" s="2" t="s">
        <v>2285</v>
      </c>
      <c r="D23" s="2" t="s">
        <v>2286</v>
      </c>
      <c r="E23" s="2" t="s">
        <v>2287</v>
      </c>
    </row>
    <row r="24" spans="1:5" x14ac:dyDescent="0.2">
      <c r="A24" s="4" t="s">
        <v>74</v>
      </c>
      <c r="B24" s="6" t="s">
        <v>2288</v>
      </c>
      <c r="C24" s="2" t="s">
        <v>76</v>
      </c>
      <c r="D24" s="2" t="s">
        <v>77</v>
      </c>
      <c r="E24" s="2" t="s">
        <v>2289</v>
      </c>
    </row>
    <row r="25" spans="1:5" x14ac:dyDescent="0.2">
      <c r="A25" s="5" t="s">
        <v>80</v>
      </c>
      <c r="B25" s="7" t="s">
        <v>2290</v>
      </c>
      <c r="C25" s="3" t="s">
        <v>127</v>
      </c>
      <c r="D25" s="3" t="s">
        <v>128</v>
      </c>
      <c r="E25" s="3" t="s">
        <v>2291</v>
      </c>
    </row>
    <row r="26" spans="1:5" x14ac:dyDescent="0.2">
      <c r="A26" s="4" t="s">
        <v>86</v>
      </c>
      <c r="B26" s="6" t="s">
        <v>1745</v>
      </c>
      <c r="C26" s="2" t="s">
        <v>2292</v>
      </c>
      <c r="D26" s="2" t="s">
        <v>2293</v>
      </c>
      <c r="E26" s="2" t="s">
        <v>2294</v>
      </c>
    </row>
    <row r="27" spans="1:5" x14ac:dyDescent="0.2">
      <c r="A27" s="4" t="s">
        <v>92</v>
      </c>
      <c r="B27" s="6" t="s">
        <v>2295</v>
      </c>
      <c r="C27" s="2" t="s">
        <v>150</v>
      </c>
      <c r="D27" s="2" t="s">
        <v>151</v>
      </c>
      <c r="E27" s="2" t="s">
        <v>2296</v>
      </c>
    </row>
    <row r="28" spans="1:5" x14ac:dyDescent="0.2">
      <c r="A28" s="4" t="s">
        <v>94</v>
      </c>
      <c r="B28" s="6" t="s">
        <v>1794</v>
      </c>
      <c r="C28" s="2" t="s">
        <v>2297</v>
      </c>
      <c r="D28" s="2" t="s">
        <v>2298</v>
      </c>
      <c r="E28" s="2" t="s">
        <v>2299</v>
      </c>
    </row>
    <row r="29" spans="1:5" x14ac:dyDescent="0.2">
      <c r="A29" s="5" t="s">
        <v>100</v>
      </c>
      <c r="B29" s="7" t="s">
        <v>1952</v>
      </c>
      <c r="C29" s="3" t="s">
        <v>2300</v>
      </c>
      <c r="D29" s="3" t="s">
        <v>2301</v>
      </c>
      <c r="E29" s="3" t="s">
        <v>2302</v>
      </c>
    </row>
    <row r="30" spans="1:5" x14ac:dyDescent="0.2">
      <c r="A30" s="4" t="s">
        <v>102</v>
      </c>
      <c r="B30" s="6" t="s">
        <v>2303</v>
      </c>
      <c r="C30" s="2" t="s">
        <v>176</v>
      </c>
      <c r="D30" s="2" t="s">
        <v>177</v>
      </c>
      <c r="E30" s="2" t="s">
        <v>2304</v>
      </c>
    </row>
    <row r="31" spans="1:5" x14ac:dyDescent="0.2">
      <c r="A31" s="4" t="s">
        <v>104</v>
      </c>
      <c r="B31" s="6" t="s">
        <v>2305</v>
      </c>
      <c r="C31" s="2" t="s">
        <v>2306</v>
      </c>
      <c r="D31" s="2" t="s">
        <v>2307</v>
      </c>
      <c r="E31" s="2" t="s">
        <v>2308</v>
      </c>
    </row>
    <row r="32" spans="1:5" x14ac:dyDescent="0.2">
      <c r="A32" s="5" t="s">
        <v>106</v>
      </c>
      <c r="B32" s="7" t="s">
        <v>2309</v>
      </c>
      <c r="C32" s="3" t="s">
        <v>190</v>
      </c>
      <c r="D32" s="3" t="s">
        <v>191</v>
      </c>
      <c r="E32" s="3" t="s">
        <v>2310</v>
      </c>
    </row>
    <row r="33" spans="1:7" x14ac:dyDescent="0.2">
      <c r="A33" s="4" t="s">
        <v>108</v>
      </c>
      <c r="B33" s="6" t="s">
        <v>2311</v>
      </c>
      <c r="C33" s="2" t="s">
        <v>49</v>
      </c>
      <c r="D33" s="2" t="s">
        <v>49</v>
      </c>
      <c r="E33" s="2" t="s">
        <v>49</v>
      </c>
    </row>
    <row r="34" spans="1:7" x14ac:dyDescent="0.2">
      <c r="A34" s="4" t="s">
        <v>110</v>
      </c>
      <c r="B34" s="6" t="s">
        <v>2312</v>
      </c>
      <c r="C34" s="2" t="s">
        <v>220</v>
      </c>
      <c r="D34" s="2" t="s">
        <v>221</v>
      </c>
      <c r="E34" s="2" t="s">
        <v>2313</v>
      </c>
    </row>
    <row r="35" spans="1:7" x14ac:dyDescent="0.2">
      <c r="A35" s="4" t="s">
        <v>112</v>
      </c>
      <c r="B35" s="6" t="s">
        <v>2314</v>
      </c>
      <c r="C35" s="2" t="s">
        <v>202</v>
      </c>
      <c r="D35" s="2" t="s">
        <v>203</v>
      </c>
      <c r="E35" s="2" t="s">
        <v>2315</v>
      </c>
    </row>
    <row r="36" spans="1:7" x14ac:dyDescent="0.2">
      <c r="A36" s="5" t="s">
        <v>114</v>
      </c>
      <c r="B36" s="7" t="s">
        <v>2316</v>
      </c>
      <c r="C36" s="3" t="s">
        <v>226</v>
      </c>
      <c r="D36" s="3" t="s">
        <v>227</v>
      </c>
      <c r="E36" s="3" t="s">
        <v>2317</v>
      </c>
    </row>
    <row r="37" spans="1:7" x14ac:dyDescent="0.2">
      <c r="A37" s="4" t="s">
        <v>116</v>
      </c>
      <c r="B37" s="6" t="s">
        <v>2318</v>
      </c>
      <c r="C37" s="2" t="s">
        <v>245</v>
      </c>
      <c r="D37" s="2" t="s">
        <v>246</v>
      </c>
      <c r="E37" s="2" t="s">
        <v>2319</v>
      </c>
    </row>
    <row r="38" spans="1:7" x14ac:dyDescent="0.2">
      <c r="A38" s="4" t="s">
        <v>118</v>
      </c>
      <c r="B38" s="6" t="s">
        <v>2320</v>
      </c>
      <c r="C38" s="2" t="s">
        <v>2321</v>
      </c>
      <c r="D38" s="2" t="s">
        <v>2322</v>
      </c>
      <c r="E38" s="2" t="s">
        <v>2323</v>
      </c>
    </row>
    <row r="39" spans="1:7" x14ac:dyDescent="0.2">
      <c r="A39" s="4" t="s">
        <v>120</v>
      </c>
      <c r="B39" s="6" t="s">
        <v>1956</v>
      </c>
      <c r="C39" s="2" t="s">
        <v>49</v>
      </c>
      <c r="D39" s="2" t="s">
        <v>49</v>
      </c>
      <c r="E39" s="2" t="s">
        <v>2324</v>
      </c>
    </row>
    <row r="40" spans="1:7" x14ac:dyDescent="0.2">
      <c r="A40" s="4" t="s">
        <v>125</v>
      </c>
      <c r="B40" s="6" t="s">
        <v>2325</v>
      </c>
      <c r="C40" s="2" t="s">
        <v>226</v>
      </c>
      <c r="D40" s="2" t="s">
        <v>227</v>
      </c>
      <c r="E40" s="2" t="s">
        <v>2326</v>
      </c>
    </row>
    <row r="41" spans="1:7" x14ac:dyDescent="0.2">
      <c r="A41" s="5" t="s">
        <v>131</v>
      </c>
      <c r="B41" s="7" t="s">
        <v>2327</v>
      </c>
      <c r="C41" s="3" t="s">
        <v>2328</v>
      </c>
      <c r="D41" s="3" t="s">
        <v>2329</v>
      </c>
      <c r="E41" s="3" t="s">
        <v>2330</v>
      </c>
    </row>
    <row r="43" spans="1:7" x14ac:dyDescent="0.2">
      <c r="A43" s="8" t="s">
        <v>6</v>
      </c>
      <c r="B43" s="8" t="s">
        <v>2331</v>
      </c>
      <c r="C43" s="8" t="s">
        <v>1959</v>
      </c>
      <c r="D43" s="8" t="s">
        <v>307</v>
      </c>
      <c r="E43" s="8" t="s">
        <v>7</v>
      </c>
      <c r="F43" s="8" t="s">
        <v>311</v>
      </c>
      <c r="G43" s="8" t="s">
        <v>311</v>
      </c>
    </row>
    <row r="44" spans="1:7" ht="31.5" x14ac:dyDescent="0.2">
      <c r="A44" s="8" t="s">
        <v>7</v>
      </c>
      <c r="B44" s="8" t="s">
        <v>7</v>
      </c>
      <c r="C44" s="8" t="s">
        <v>7</v>
      </c>
      <c r="D44" s="1" t="s">
        <v>1910</v>
      </c>
      <c r="E44" s="1" t="s">
        <v>1911</v>
      </c>
      <c r="F44" s="1" t="s">
        <v>1910</v>
      </c>
      <c r="G44" s="1" t="s">
        <v>1911</v>
      </c>
    </row>
    <row r="45" spans="1:7" x14ac:dyDescent="0.2">
      <c r="A45" s="5" t="s">
        <v>137</v>
      </c>
      <c r="B45" s="7" t="s">
        <v>2332</v>
      </c>
      <c r="C45" s="3" t="s">
        <v>2333</v>
      </c>
      <c r="D45" s="3" t="s">
        <v>2334</v>
      </c>
      <c r="E45" s="3" t="s">
        <v>2335</v>
      </c>
      <c r="F45" s="3" t="s">
        <v>2336</v>
      </c>
      <c r="G45" s="3" t="s">
        <v>2337</v>
      </c>
    </row>
    <row r="46" spans="1:7" x14ac:dyDescent="0.2">
      <c r="A46" s="4" t="s">
        <v>143</v>
      </c>
      <c r="B46" s="6" t="s">
        <v>2338</v>
      </c>
      <c r="C46" s="2" t="s">
        <v>2339</v>
      </c>
      <c r="D46" s="2" t="s">
        <v>2340</v>
      </c>
      <c r="E46" s="2" t="s">
        <v>2341</v>
      </c>
      <c r="F46" s="2" t="s">
        <v>2342</v>
      </c>
      <c r="G46" s="2" t="s">
        <v>2343</v>
      </c>
    </row>
    <row r="47" spans="1:7" x14ac:dyDescent="0.2">
      <c r="A47" s="4" t="s">
        <v>145</v>
      </c>
      <c r="B47" s="6" t="s">
        <v>2344</v>
      </c>
      <c r="C47" s="2" t="s">
        <v>345</v>
      </c>
      <c r="D47" s="2" t="s">
        <v>346</v>
      </c>
      <c r="E47" s="2" t="s">
        <v>2345</v>
      </c>
      <c r="F47" s="2" t="s">
        <v>348</v>
      </c>
      <c r="G47" s="2" t="s">
        <v>2346</v>
      </c>
    </row>
    <row r="48" spans="1:7" x14ac:dyDescent="0.2">
      <c r="A48" s="5" t="s">
        <v>148</v>
      </c>
      <c r="B48" s="7" t="s">
        <v>2347</v>
      </c>
      <c r="C48" s="3" t="s">
        <v>2348</v>
      </c>
      <c r="D48" s="3" t="s">
        <v>2349</v>
      </c>
      <c r="E48" s="3" t="s">
        <v>2350</v>
      </c>
      <c r="F48" s="3" t="s">
        <v>2351</v>
      </c>
      <c r="G48" s="3" t="s">
        <v>2352</v>
      </c>
    </row>
    <row r="49" spans="1:7" x14ac:dyDescent="0.2">
      <c r="A49" s="4" t="s">
        <v>154</v>
      </c>
      <c r="B49" s="6" t="s">
        <v>1837</v>
      </c>
      <c r="C49" s="2" t="s">
        <v>2353</v>
      </c>
      <c r="D49" s="2" t="s">
        <v>2354</v>
      </c>
      <c r="E49" s="2" t="s">
        <v>2355</v>
      </c>
      <c r="F49" s="2" t="s">
        <v>2356</v>
      </c>
      <c r="G49" s="2" t="s">
        <v>2357</v>
      </c>
    </row>
    <row r="50" spans="1:7" x14ac:dyDescent="0.2">
      <c r="A50" s="4" t="s">
        <v>156</v>
      </c>
      <c r="B50" s="6" t="s">
        <v>2358</v>
      </c>
      <c r="C50" s="2" t="s">
        <v>2359</v>
      </c>
      <c r="D50" s="2" t="s">
        <v>2360</v>
      </c>
      <c r="E50" s="2" t="s">
        <v>2361</v>
      </c>
      <c r="F50" s="2" t="s">
        <v>2362</v>
      </c>
      <c r="G50" s="2" t="s">
        <v>2363</v>
      </c>
    </row>
    <row r="51" spans="1:7" x14ac:dyDescent="0.2">
      <c r="A51" s="4" t="s">
        <v>162</v>
      </c>
      <c r="B51" s="6" t="s">
        <v>2364</v>
      </c>
      <c r="C51" s="2" t="s">
        <v>2365</v>
      </c>
      <c r="D51" s="2" t="s">
        <v>2366</v>
      </c>
      <c r="E51" s="2" t="s">
        <v>2367</v>
      </c>
      <c r="F51" s="2" t="s">
        <v>2368</v>
      </c>
      <c r="G51" s="2" t="s">
        <v>2369</v>
      </c>
    </row>
    <row r="52" spans="1:7" x14ac:dyDescent="0.2">
      <c r="A52" s="5" t="s">
        <v>168</v>
      </c>
      <c r="B52" s="7" t="s">
        <v>2370</v>
      </c>
      <c r="C52" s="3" t="s">
        <v>378</v>
      </c>
      <c r="D52" s="3" t="s">
        <v>379</v>
      </c>
      <c r="E52" s="3" t="s">
        <v>2371</v>
      </c>
      <c r="F52" s="3" t="s">
        <v>381</v>
      </c>
      <c r="G52" s="3" t="s">
        <v>2372</v>
      </c>
    </row>
    <row r="53" spans="1:7" x14ac:dyDescent="0.2">
      <c r="A53" s="4" t="s">
        <v>174</v>
      </c>
      <c r="B53" s="6" t="s">
        <v>2373</v>
      </c>
      <c r="C53" s="2" t="s">
        <v>387</v>
      </c>
      <c r="D53" s="2" t="s">
        <v>388</v>
      </c>
      <c r="E53" s="2" t="s">
        <v>2374</v>
      </c>
      <c r="F53" s="2" t="s">
        <v>390</v>
      </c>
      <c r="G53" s="2" t="s">
        <v>2375</v>
      </c>
    </row>
    <row r="54" spans="1:7" x14ac:dyDescent="0.2">
      <c r="A54" s="5" t="s">
        <v>180</v>
      </c>
      <c r="B54" s="7" t="s">
        <v>2376</v>
      </c>
      <c r="C54" s="3" t="s">
        <v>396</v>
      </c>
      <c r="D54" s="3" t="s">
        <v>397</v>
      </c>
      <c r="E54" s="3" t="s">
        <v>2377</v>
      </c>
      <c r="F54" s="3" t="s">
        <v>397</v>
      </c>
      <c r="G54" s="3" t="s">
        <v>49</v>
      </c>
    </row>
    <row r="55" spans="1:7" x14ac:dyDescent="0.2">
      <c r="A55" s="4" t="s">
        <v>182</v>
      </c>
      <c r="B55" s="6" t="s">
        <v>2378</v>
      </c>
      <c r="C55" s="2" t="s">
        <v>1262</v>
      </c>
      <c r="D55" s="2" t="s">
        <v>49</v>
      </c>
      <c r="E55" s="2" t="s">
        <v>2377</v>
      </c>
      <c r="F55" s="2" t="s">
        <v>49</v>
      </c>
      <c r="G55" s="2" t="s">
        <v>49</v>
      </c>
    </row>
    <row r="56" spans="1:7" x14ac:dyDescent="0.2">
      <c r="A56" s="4" t="s">
        <v>188</v>
      </c>
      <c r="B56" s="6" t="s">
        <v>2379</v>
      </c>
      <c r="C56" s="2" t="s">
        <v>49</v>
      </c>
      <c r="D56" s="2" t="s">
        <v>49</v>
      </c>
      <c r="E56" s="2" t="s">
        <v>49</v>
      </c>
      <c r="F56" s="2" t="s">
        <v>49</v>
      </c>
      <c r="G56" s="2" t="s">
        <v>49</v>
      </c>
    </row>
    <row r="57" spans="1:7" x14ac:dyDescent="0.2">
      <c r="A57" s="4" t="s">
        <v>194</v>
      </c>
      <c r="B57" s="6" t="s">
        <v>2380</v>
      </c>
      <c r="C57" s="2" t="s">
        <v>2381</v>
      </c>
      <c r="D57" s="2" t="s">
        <v>397</v>
      </c>
      <c r="E57" s="2" t="s">
        <v>49</v>
      </c>
      <c r="F57" s="2" t="s">
        <v>397</v>
      </c>
      <c r="G57" s="2" t="s">
        <v>49</v>
      </c>
    </row>
    <row r="58" spans="1:7" x14ac:dyDescent="0.2">
      <c r="A58" s="4" t="s">
        <v>196</v>
      </c>
      <c r="B58" s="6" t="s">
        <v>2382</v>
      </c>
      <c r="C58" s="2" t="s">
        <v>402</v>
      </c>
      <c r="D58" s="2" t="s">
        <v>403</v>
      </c>
      <c r="E58" s="2" t="s">
        <v>2383</v>
      </c>
      <c r="F58" s="2" t="s">
        <v>405</v>
      </c>
      <c r="G58" s="2" t="s">
        <v>2384</v>
      </c>
    </row>
    <row r="59" spans="1:7" x14ac:dyDescent="0.2">
      <c r="A59" s="4" t="s">
        <v>198</v>
      </c>
      <c r="B59" s="6" t="s">
        <v>2385</v>
      </c>
      <c r="C59" s="2" t="s">
        <v>2386</v>
      </c>
      <c r="D59" s="2" t="s">
        <v>2387</v>
      </c>
      <c r="E59" s="2" t="s">
        <v>2374</v>
      </c>
      <c r="F59" s="2" t="s">
        <v>2388</v>
      </c>
      <c r="G59" s="2" t="s">
        <v>2375</v>
      </c>
    </row>
    <row r="60" spans="1:7" x14ac:dyDescent="0.2">
      <c r="A60" s="4" t="s">
        <v>200</v>
      </c>
      <c r="B60" s="6" t="s">
        <v>2389</v>
      </c>
      <c r="C60" s="2" t="s">
        <v>2390</v>
      </c>
      <c r="D60" s="2" t="s">
        <v>49</v>
      </c>
      <c r="E60" s="2" t="s">
        <v>49</v>
      </c>
      <c r="F60" s="2" t="s">
        <v>49</v>
      </c>
      <c r="G60" s="2" t="s">
        <v>49</v>
      </c>
    </row>
    <row r="61" spans="1:7" x14ac:dyDescent="0.2">
      <c r="A61" s="4" t="s">
        <v>206</v>
      </c>
      <c r="B61" s="6" t="s">
        <v>2391</v>
      </c>
      <c r="C61" s="2" t="s">
        <v>2010</v>
      </c>
      <c r="D61" s="2" t="s">
        <v>49</v>
      </c>
      <c r="E61" s="2" t="s">
        <v>49</v>
      </c>
      <c r="F61" s="2" t="s">
        <v>49</v>
      </c>
      <c r="G61" s="2" t="s">
        <v>49</v>
      </c>
    </row>
    <row r="62" spans="1:7" x14ac:dyDescent="0.2">
      <c r="A62" s="5" t="s">
        <v>212</v>
      </c>
      <c r="B62" s="7" t="s">
        <v>2392</v>
      </c>
      <c r="C62" s="3" t="s">
        <v>2393</v>
      </c>
      <c r="D62" s="3" t="s">
        <v>2394</v>
      </c>
      <c r="E62" s="3" t="s">
        <v>2395</v>
      </c>
      <c r="F62" s="3" t="s">
        <v>2396</v>
      </c>
      <c r="G62" s="3" t="s">
        <v>2397</v>
      </c>
    </row>
    <row r="63" spans="1:7" x14ac:dyDescent="0.2">
      <c r="A63" s="4" t="s">
        <v>218</v>
      </c>
      <c r="B63" s="6" t="s">
        <v>2398</v>
      </c>
      <c r="C63" s="2" t="s">
        <v>2399</v>
      </c>
      <c r="D63" s="2" t="s">
        <v>2400</v>
      </c>
      <c r="E63" s="2" t="s">
        <v>2401</v>
      </c>
      <c r="F63" s="2" t="s">
        <v>2402</v>
      </c>
      <c r="G63" s="2" t="s">
        <v>2403</v>
      </c>
    </row>
    <row r="64" spans="1:7" x14ac:dyDescent="0.2">
      <c r="A64" s="4" t="s">
        <v>224</v>
      </c>
      <c r="B64" s="6" t="s">
        <v>2404</v>
      </c>
      <c r="C64" s="2" t="s">
        <v>49</v>
      </c>
      <c r="D64" s="2" t="s">
        <v>49</v>
      </c>
      <c r="E64" s="2" t="s">
        <v>49</v>
      </c>
      <c r="F64" s="2" t="s">
        <v>49</v>
      </c>
      <c r="G64" s="2" t="s">
        <v>49</v>
      </c>
    </row>
    <row r="66" spans="1:3" x14ac:dyDescent="0.2">
      <c r="A66" s="8" t="s">
        <v>6</v>
      </c>
      <c r="B66" s="8" t="s">
        <v>2247</v>
      </c>
      <c r="C66" s="8" t="s">
        <v>2248</v>
      </c>
    </row>
    <row r="67" spans="1:3" x14ac:dyDescent="0.2">
      <c r="A67" s="8" t="s">
        <v>7</v>
      </c>
      <c r="B67" s="8" t="s">
        <v>7</v>
      </c>
      <c r="C67" s="8" t="s">
        <v>7</v>
      </c>
    </row>
    <row r="68" spans="1:3" x14ac:dyDescent="0.2">
      <c r="A68" s="4" t="s">
        <v>230</v>
      </c>
      <c r="B68" s="6" t="s">
        <v>2405</v>
      </c>
      <c r="C68" s="2" t="s">
        <v>2406</v>
      </c>
    </row>
  </sheetData>
  <mergeCells count="18">
    <mergeCell ref="C43:C44"/>
    <mergeCell ref="D43:E43"/>
    <mergeCell ref="A3:G3"/>
    <mergeCell ref="A4:G4"/>
    <mergeCell ref="A5:G5"/>
    <mergeCell ref="A6:G6"/>
    <mergeCell ref="A7:G7"/>
    <mergeCell ref="A9:G9"/>
    <mergeCell ref="F43:G43"/>
    <mergeCell ref="A66:A67"/>
    <mergeCell ref="B66:B67"/>
    <mergeCell ref="C66:C67"/>
    <mergeCell ref="A10:A11"/>
    <mergeCell ref="B10:B11"/>
    <mergeCell ref="C10:C11"/>
    <mergeCell ref="D10:E10"/>
    <mergeCell ref="A43:A44"/>
    <mergeCell ref="B43:B44"/>
  </mergeCells>
  <pageMargins left="0.78740157499999996" right="0.78740157499999996" top="0.984251969" bottom="0.984251969" header="0.5" footer="0.5"/>
  <pageSetup orientation="portrait" horizontalDpi="300" verticalDpi="300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>
      <selection sqref="A1:IV65536"/>
    </sheetView>
  </sheetViews>
  <sheetFormatPr defaultRowHeight="12.75" x14ac:dyDescent="0.2"/>
  <cols>
    <col min="1" max="1" width="3.28515625" bestFit="1" customWidth="1"/>
    <col min="2" max="2" width="52.5703125" bestFit="1" customWidth="1"/>
    <col min="3" max="3" width="14.28515625" bestFit="1" customWidth="1"/>
    <col min="4" max="5" width="15.42578125" bestFit="1" customWidth="1"/>
    <col min="6" max="6" width="13.140625" bestFit="1" customWidth="1"/>
    <col min="7" max="7" width="15.42578125" bestFit="1" customWidth="1"/>
    <col min="8" max="8" width="14.28515625" bestFit="1" customWidth="1"/>
    <col min="9" max="9" width="15.42578125" bestFit="1" customWidth="1"/>
    <col min="10" max="12" width="14.28515625" bestFit="1" customWidth="1"/>
    <col min="13" max="13" width="15.42578125" bestFit="1" customWidth="1"/>
    <col min="14" max="14" width="22.28515625" bestFit="1" customWidth="1"/>
  </cols>
  <sheetData>
    <row r="3" spans="1:14" x14ac:dyDescent="0.2">
      <c r="A3" s="9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</row>
    <row r="4" spans="1:14" x14ac:dyDescent="0.2">
      <c r="A4" s="9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</row>
    <row r="5" spans="1:14" x14ac:dyDescent="0.2">
      <c r="A5" s="9" t="s">
        <v>2407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</row>
    <row r="6" spans="1:14" x14ac:dyDescent="0.2">
      <c r="A6" s="9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</row>
    <row r="7" spans="1:14" x14ac:dyDescent="0.2">
      <c r="A7" s="9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</row>
    <row r="9" spans="1:14" x14ac:dyDescent="0.2">
      <c r="A9" s="11" t="s">
        <v>2408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</row>
    <row r="10" spans="1:14" x14ac:dyDescent="0.2">
      <c r="A10" s="8" t="s">
        <v>6</v>
      </c>
      <c r="B10" s="8" t="s">
        <v>2409</v>
      </c>
      <c r="C10" s="8" t="s">
        <v>2410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2416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2423</v>
      </c>
    </row>
    <row r="11" spans="1:14" ht="42" x14ac:dyDescent="0.2">
      <c r="A11" s="8" t="s">
        <v>7</v>
      </c>
      <c r="B11" s="8" t="s">
        <v>7</v>
      </c>
      <c r="C11" s="1" t="s">
        <v>2411</v>
      </c>
      <c r="D11" s="1" t="s">
        <v>2412</v>
      </c>
      <c r="E11" s="1" t="s">
        <v>2413</v>
      </c>
      <c r="F11" s="1" t="s">
        <v>2414</v>
      </c>
      <c r="G11" s="1" t="s">
        <v>2415</v>
      </c>
      <c r="H11" s="1" t="s">
        <v>2417</v>
      </c>
      <c r="I11" s="1" t="s">
        <v>2418</v>
      </c>
      <c r="J11" s="1" t="s">
        <v>2419</v>
      </c>
      <c r="K11" s="1" t="s">
        <v>2420</v>
      </c>
      <c r="L11" s="1" t="s">
        <v>2421</v>
      </c>
      <c r="M11" s="1" t="s">
        <v>2422</v>
      </c>
      <c r="N11" s="8" t="s">
        <v>7</v>
      </c>
    </row>
    <row r="12" spans="1:14" x14ac:dyDescent="0.2">
      <c r="A12" s="5" t="s">
        <v>17</v>
      </c>
      <c r="B12" s="7" t="s">
        <v>2424</v>
      </c>
      <c r="C12" s="3" t="s">
        <v>2425</v>
      </c>
      <c r="D12" s="3" t="s">
        <v>2426</v>
      </c>
      <c r="E12" s="3" t="s">
        <v>2427</v>
      </c>
      <c r="F12" s="3" t="s">
        <v>2428</v>
      </c>
      <c r="G12" s="3" t="s">
        <v>2429</v>
      </c>
      <c r="H12" s="3" t="s">
        <v>2430</v>
      </c>
      <c r="I12" s="3" t="s">
        <v>2431</v>
      </c>
      <c r="J12" s="3" t="s">
        <v>2432</v>
      </c>
      <c r="K12" s="3" t="s">
        <v>2433</v>
      </c>
      <c r="L12" s="3" t="s">
        <v>2434</v>
      </c>
      <c r="M12" s="3" t="s">
        <v>2435</v>
      </c>
      <c r="N12" s="3" t="s">
        <v>2436</v>
      </c>
    </row>
    <row r="13" spans="1:14" x14ac:dyDescent="0.2">
      <c r="A13" s="4" t="s">
        <v>23</v>
      </c>
      <c r="B13" s="6" t="s">
        <v>2437</v>
      </c>
      <c r="C13" s="2" t="s">
        <v>2438</v>
      </c>
      <c r="D13" s="2" t="s">
        <v>2439</v>
      </c>
      <c r="E13" s="2" t="s">
        <v>2440</v>
      </c>
      <c r="F13" s="2" t="s">
        <v>2441</v>
      </c>
      <c r="G13" s="2" t="s">
        <v>2442</v>
      </c>
      <c r="H13" s="2" t="s">
        <v>2443</v>
      </c>
      <c r="I13" s="2" t="s">
        <v>2444</v>
      </c>
      <c r="J13" s="2" t="s">
        <v>2445</v>
      </c>
      <c r="K13" s="2" t="s">
        <v>2446</v>
      </c>
      <c r="L13" s="2" t="s">
        <v>2447</v>
      </c>
      <c r="M13" s="2" t="s">
        <v>2448</v>
      </c>
      <c r="N13" s="2" t="s">
        <v>2449</v>
      </c>
    </row>
    <row r="14" spans="1:14" x14ac:dyDescent="0.2">
      <c r="A14" s="5" t="s">
        <v>29</v>
      </c>
      <c r="B14" s="7" t="s">
        <v>2450</v>
      </c>
      <c r="C14" s="3" t="s">
        <v>49</v>
      </c>
      <c r="D14" s="3" t="s">
        <v>2451</v>
      </c>
      <c r="E14" s="3" t="s">
        <v>2452</v>
      </c>
      <c r="F14" s="3" t="s">
        <v>49</v>
      </c>
      <c r="G14" s="3" t="s">
        <v>2453</v>
      </c>
      <c r="H14" s="3" t="s">
        <v>49</v>
      </c>
      <c r="I14" s="3" t="s">
        <v>2454</v>
      </c>
      <c r="J14" s="3" t="s">
        <v>2455</v>
      </c>
      <c r="K14" s="3" t="s">
        <v>2455</v>
      </c>
      <c r="L14" s="3" t="s">
        <v>49</v>
      </c>
      <c r="M14" s="3" t="s">
        <v>2456</v>
      </c>
      <c r="N14" s="3" t="s">
        <v>2457</v>
      </c>
    </row>
    <row r="15" spans="1:14" x14ac:dyDescent="0.2">
      <c r="A15" s="4" t="s">
        <v>35</v>
      </c>
      <c r="B15" s="6" t="s">
        <v>2458</v>
      </c>
      <c r="C15" s="2" t="s">
        <v>49</v>
      </c>
      <c r="D15" s="2" t="s">
        <v>2459</v>
      </c>
      <c r="E15" s="2" t="s">
        <v>2460</v>
      </c>
      <c r="F15" s="2" t="s">
        <v>49</v>
      </c>
      <c r="G15" s="2" t="s">
        <v>2453</v>
      </c>
      <c r="H15" s="2" t="s">
        <v>49</v>
      </c>
      <c r="I15" s="2" t="s">
        <v>49</v>
      </c>
      <c r="J15" s="2" t="s">
        <v>49</v>
      </c>
      <c r="K15" s="2" t="s">
        <v>49</v>
      </c>
      <c r="L15" s="2" t="s">
        <v>49</v>
      </c>
      <c r="M15" s="2" t="s">
        <v>49</v>
      </c>
      <c r="N15" s="2" t="s">
        <v>2453</v>
      </c>
    </row>
    <row r="16" spans="1:14" x14ac:dyDescent="0.2">
      <c r="A16" s="5" t="s">
        <v>41</v>
      </c>
      <c r="B16" s="7" t="s">
        <v>2461</v>
      </c>
      <c r="C16" s="3" t="s">
        <v>49</v>
      </c>
      <c r="D16" s="3" t="s">
        <v>2462</v>
      </c>
      <c r="E16" s="3" t="s">
        <v>2462</v>
      </c>
      <c r="F16" s="3" t="s">
        <v>49</v>
      </c>
      <c r="G16" s="3" t="s">
        <v>49</v>
      </c>
      <c r="H16" s="3" t="s">
        <v>49</v>
      </c>
      <c r="I16" s="3" t="s">
        <v>2463</v>
      </c>
      <c r="J16" s="3" t="s">
        <v>2464</v>
      </c>
      <c r="K16" s="3" t="s">
        <v>2464</v>
      </c>
      <c r="L16" s="3" t="s">
        <v>49</v>
      </c>
      <c r="M16" s="3" t="s">
        <v>2456</v>
      </c>
      <c r="N16" s="3" t="s">
        <v>49</v>
      </c>
    </row>
    <row r="17" spans="1:14" x14ac:dyDescent="0.2">
      <c r="A17" s="4" t="s">
        <v>47</v>
      </c>
      <c r="B17" s="6" t="s">
        <v>2465</v>
      </c>
      <c r="C17" s="2" t="s">
        <v>49</v>
      </c>
      <c r="D17" s="2" t="s">
        <v>49</v>
      </c>
      <c r="E17" s="2" t="s">
        <v>49</v>
      </c>
      <c r="F17" s="2" t="s">
        <v>49</v>
      </c>
      <c r="G17" s="2" t="s">
        <v>49</v>
      </c>
      <c r="H17" s="2" t="s">
        <v>49</v>
      </c>
      <c r="I17" s="2" t="s">
        <v>2466</v>
      </c>
      <c r="J17" s="2" t="s">
        <v>2466</v>
      </c>
      <c r="K17" s="2" t="s">
        <v>2466</v>
      </c>
      <c r="L17" s="2" t="s">
        <v>49</v>
      </c>
      <c r="M17" s="2" t="s">
        <v>49</v>
      </c>
      <c r="N17" s="2" t="s">
        <v>49</v>
      </c>
    </row>
    <row r="18" spans="1:14" x14ac:dyDescent="0.2">
      <c r="A18" s="5" t="s">
        <v>50</v>
      </c>
      <c r="B18" s="7" t="s">
        <v>2467</v>
      </c>
      <c r="C18" s="3" t="s">
        <v>2468</v>
      </c>
      <c r="D18" s="3" t="s">
        <v>2469</v>
      </c>
      <c r="E18" s="3" t="s">
        <v>2470</v>
      </c>
      <c r="F18" s="3" t="s">
        <v>2471</v>
      </c>
      <c r="G18" s="3" t="s">
        <v>2472</v>
      </c>
      <c r="H18" s="3" t="s">
        <v>2473</v>
      </c>
      <c r="I18" s="3" t="s">
        <v>2474</v>
      </c>
      <c r="J18" s="3" t="s">
        <v>2475</v>
      </c>
      <c r="K18" s="3" t="s">
        <v>2476</v>
      </c>
      <c r="L18" s="3" t="s">
        <v>2477</v>
      </c>
      <c r="M18" s="3" t="s">
        <v>2478</v>
      </c>
      <c r="N18" s="3" t="s">
        <v>2479</v>
      </c>
    </row>
    <row r="19" spans="1:14" x14ac:dyDescent="0.2">
      <c r="A19" s="4" t="s">
        <v>56</v>
      </c>
      <c r="B19" s="6" t="s">
        <v>2480</v>
      </c>
      <c r="C19" s="2" t="s">
        <v>2481</v>
      </c>
      <c r="D19" s="2" t="s">
        <v>2482</v>
      </c>
      <c r="E19" s="2" t="s">
        <v>2483</v>
      </c>
      <c r="F19" s="2" t="s">
        <v>2471</v>
      </c>
      <c r="G19" s="2" t="s">
        <v>2484</v>
      </c>
      <c r="H19" s="2" t="s">
        <v>49</v>
      </c>
      <c r="I19" s="2" t="s">
        <v>49</v>
      </c>
      <c r="J19" s="2" t="s">
        <v>49</v>
      </c>
      <c r="K19" s="2" t="s">
        <v>49</v>
      </c>
      <c r="L19" s="2" t="s">
        <v>49</v>
      </c>
      <c r="M19" s="2" t="s">
        <v>49</v>
      </c>
      <c r="N19" s="2" t="s">
        <v>2484</v>
      </c>
    </row>
    <row r="20" spans="1:14" x14ac:dyDescent="0.2">
      <c r="A20" s="4" t="s">
        <v>58</v>
      </c>
      <c r="B20" s="6" t="s">
        <v>2485</v>
      </c>
      <c r="C20" s="2" t="s">
        <v>2486</v>
      </c>
      <c r="D20" s="2" t="s">
        <v>2487</v>
      </c>
      <c r="E20" s="2" t="s">
        <v>2488</v>
      </c>
      <c r="F20" s="2" t="s">
        <v>49</v>
      </c>
      <c r="G20" s="2" t="s">
        <v>2489</v>
      </c>
      <c r="H20" s="2" t="s">
        <v>2473</v>
      </c>
      <c r="I20" s="2" t="s">
        <v>2474</v>
      </c>
      <c r="J20" s="2" t="s">
        <v>2475</v>
      </c>
      <c r="K20" s="2" t="s">
        <v>2476</v>
      </c>
      <c r="L20" s="2" t="s">
        <v>2477</v>
      </c>
      <c r="M20" s="2" t="s">
        <v>2478</v>
      </c>
      <c r="N20" s="2" t="s">
        <v>2490</v>
      </c>
    </row>
    <row r="21" spans="1:14" x14ac:dyDescent="0.2">
      <c r="A21" s="5" t="s">
        <v>60</v>
      </c>
      <c r="B21" s="7" t="s">
        <v>2491</v>
      </c>
      <c r="C21" s="3" t="s">
        <v>2492</v>
      </c>
      <c r="D21" s="3" t="s">
        <v>2493</v>
      </c>
      <c r="E21" s="3" t="s">
        <v>2493</v>
      </c>
      <c r="F21" s="3" t="s">
        <v>49</v>
      </c>
      <c r="G21" s="3" t="s">
        <v>2492</v>
      </c>
      <c r="H21" s="3" t="s">
        <v>49</v>
      </c>
      <c r="I21" s="3" t="s">
        <v>2494</v>
      </c>
      <c r="J21" s="3" t="s">
        <v>2495</v>
      </c>
      <c r="K21" s="3" t="s">
        <v>2496</v>
      </c>
      <c r="L21" s="3" t="s">
        <v>2497</v>
      </c>
      <c r="M21" s="3" t="s">
        <v>2498</v>
      </c>
      <c r="N21" s="3" t="s">
        <v>2499</v>
      </c>
    </row>
    <row r="22" spans="1:14" x14ac:dyDescent="0.2">
      <c r="A22" s="4" t="s">
        <v>62</v>
      </c>
      <c r="B22" s="6" t="s">
        <v>2500</v>
      </c>
      <c r="C22" s="2" t="s">
        <v>2492</v>
      </c>
      <c r="D22" s="2" t="s">
        <v>2493</v>
      </c>
      <c r="E22" s="2" t="s">
        <v>2493</v>
      </c>
      <c r="F22" s="2" t="s">
        <v>49</v>
      </c>
      <c r="G22" s="2" t="s">
        <v>2492</v>
      </c>
      <c r="H22" s="2" t="s">
        <v>49</v>
      </c>
      <c r="I22" s="2" t="s">
        <v>2501</v>
      </c>
      <c r="J22" s="2" t="s">
        <v>2502</v>
      </c>
      <c r="K22" s="2" t="s">
        <v>2503</v>
      </c>
      <c r="L22" s="2" t="s">
        <v>2504</v>
      </c>
      <c r="M22" s="2" t="s">
        <v>2505</v>
      </c>
      <c r="N22" s="2" t="s">
        <v>2506</v>
      </c>
    </row>
    <row r="23" spans="1:14" x14ac:dyDescent="0.2">
      <c r="A23" s="4" t="s">
        <v>68</v>
      </c>
      <c r="B23" s="6" t="s">
        <v>2507</v>
      </c>
      <c r="C23" s="2" t="s">
        <v>49</v>
      </c>
      <c r="D23" s="2" t="s">
        <v>49</v>
      </c>
      <c r="E23" s="2" t="s">
        <v>49</v>
      </c>
      <c r="F23" s="2" t="s">
        <v>49</v>
      </c>
      <c r="G23" s="2" t="s">
        <v>49</v>
      </c>
      <c r="H23" s="2" t="s">
        <v>49</v>
      </c>
      <c r="I23" s="2" t="s">
        <v>2508</v>
      </c>
      <c r="J23" s="2" t="s">
        <v>2509</v>
      </c>
      <c r="K23" s="2" t="s">
        <v>2509</v>
      </c>
      <c r="L23" s="2" t="s">
        <v>2510</v>
      </c>
      <c r="M23" s="2" t="s">
        <v>2511</v>
      </c>
      <c r="N23" s="2" t="s">
        <v>2511</v>
      </c>
    </row>
    <row r="24" spans="1:14" x14ac:dyDescent="0.2">
      <c r="A24" s="4" t="s">
        <v>74</v>
      </c>
      <c r="B24" s="6" t="s">
        <v>2512</v>
      </c>
      <c r="C24" s="2" t="s">
        <v>49</v>
      </c>
      <c r="D24" s="2" t="s">
        <v>49</v>
      </c>
      <c r="E24" s="2" t="s">
        <v>49</v>
      </c>
      <c r="F24" s="2" t="s">
        <v>49</v>
      </c>
      <c r="G24" s="2" t="s">
        <v>49</v>
      </c>
      <c r="H24" s="2" t="s">
        <v>49</v>
      </c>
      <c r="I24" s="2" t="s">
        <v>49</v>
      </c>
      <c r="J24" s="2" t="s">
        <v>49</v>
      </c>
      <c r="K24" s="2" t="s">
        <v>49</v>
      </c>
      <c r="L24" s="2" t="s">
        <v>49</v>
      </c>
      <c r="M24" s="2" t="s">
        <v>49</v>
      </c>
      <c r="N24" s="2" t="s">
        <v>49</v>
      </c>
    </row>
    <row r="25" spans="1:14" x14ac:dyDescent="0.2">
      <c r="A25" s="4" t="s">
        <v>80</v>
      </c>
      <c r="B25" s="6" t="s">
        <v>2513</v>
      </c>
      <c r="C25" s="2" t="s">
        <v>49</v>
      </c>
      <c r="D25" s="2" t="s">
        <v>697</v>
      </c>
      <c r="E25" s="2" t="s">
        <v>697</v>
      </c>
      <c r="F25" s="2" t="s">
        <v>49</v>
      </c>
      <c r="G25" s="2" t="s">
        <v>49</v>
      </c>
      <c r="H25" s="2" t="s">
        <v>49</v>
      </c>
      <c r="I25" s="2" t="s">
        <v>2514</v>
      </c>
      <c r="J25" s="2" t="s">
        <v>2515</v>
      </c>
      <c r="K25" s="2" t="s">
        <v>2515</v>
      </c>
      <c r="L25" s="2" t="s">
        <v>49</v>
      </c>
      <c r="M25" s="2" t="s">
        <v>2516</v>
      </c>
      <c r="N25" s="2" t="s">
        <v>2516</v>
      </c>
    </row>
    <row r="26" spans="1:14" x14ac:dyDescent="0.2">
      <c r="A26" s="5" t="s">
        <v>86</v>
      </c>
      <c r="B26" s="7" t="s">
        <v>2517</v>
      </c>
      <c r="C26" s="3" t="s">
        <v>2518</v>
      </c>
      <c r="D26" s="3" t="s">
        <v>2519</v>
      </c>
      <c r="E26" s="3" t="s">
        <v>2520</v>
      </c>
      <c r="F26" s="3" t="s">
        <v>49</v>
      </c>
      <c r="G26" s="3" t="s">
        <v>2521</v>
      </c>
      <c r="H26" s="3" t="s">
        <v>2522</v>
      </c>
      <c r="I26" s="3" t="s">
        <v>2523</v>
      </c>
      <c r="J26" s="3" t="s">
        <v>2524</v>
      </c>
      <c r="K26" s="3" t="s">
        <v>49</v>
      </c>
      <c r="L26" s="3" t="s">
        <v>2525</v>
      </c>
      <c r="M26" s="3" t="s">
        <v>2526</v>
      </c>
      <c r="N26" s="3" t="s">
        <v>2527</v>
      </c>
    </row>
    <row r="27" spans="1:14" x14ac:dyDescent="0.2">
      <c r="A27" s="4" t="s">
        <v>92</v>
      </c>
      <c r="B27" s="6" t="s">
        <v>2528</v>
      </c>
      <c r="C27" s="2" t="s">
        <v>2518</v>
      </c>
      <c r="D27" s="2" t="s">
        <v>2529</v>
      </c>
      <c r="E27" s="2" t="s">
        <v>2530</v>
      </c>
      <c r="F27" s="2" t="s">
        <v>49</v>
      </c>
      <c r="G27" s="2" t="s">
        <v>2531</v>
      </c>
      <c r="H27" s="2" t="s">
        <v>2522</v>
      </c>
      <c r="I27" s="2" t="s">
        <v>2523</v>
      </c>
      <c r="J27" s="2" t="s">
        <v>2524</v>
      </c>
      <c r="K27" s="2" t="s">
        <v>49</v>
      </c>
      <c r="L27" s="2" t="s">
        <v>2525</v>
      </c>
      <c r="M27" s="2" t="s">
        <v>2526</v>
      </c>
      <c r="N27" s="2" t="s">
        <v>2532</v>
      </c>
    </row>
    <row r="28" spans="1:14" x14ac:dyDescent="0.2">
      <c r="A28" s="5" t="s">
        <v>94</v>
      </c>
      <c r="B28" s="7" t="s">
        <v>2533</v>
      </c>
      <c r="C28" s="3" t="s">
        <v>49</v>
      </c>
      <c r="D28" s="3" t="s">
        <v>2534</v>
      </c>
      <c r="E28" s="3" t="s">
        <v>2535</v>
      </c>
      <c r="F28" s="3" t="s">
        <v>49</v>
      </c>
      <c r="G28" s="3" t="s">
        <v>2536</v>
      </c>
      <c r="H28" s="3" t="s">
        <v>49</v>
      </c>
      <c r="I28" s="3" t="s">
        <v>49</v>
      </c>
      <c r="J28" s="3" t="s">
        <v>49</v>
      </c>
      <c r="K28" s="3" t="s">
        <v>49</v>
      </c>
      <c r="L28" s="3" t="s">
        <v>49</v>
      </c>
      <c r="M28" s="3" t="s">
        <v>49</v>
      </c>
      <c r="N28" s="3" t="s">
        <v>2536</v>
      </c>
    </row>
    <row r="29" spans="1:14" x14ac:dyDescent="0.2">
      <c r="A29" s="4" t="s">
        <v>100</v>
      </c>
      <c r="B29" s="6" t="s">
        <v>2458</v>
      </c>
      <c r="C29" s="2" t="s">
        <v>49</v>
      </c>
      <c r="D29" s="2" t="s">
        <v>2537</v>
      </c>
      <c r="E29" s="2" t="s">
        <v>2538</v>
      </c>
      <c r="F29" s="2" t="s">
        <v>49</v>
      </c>
      <c r="G29" s="2" t="s">
        <v>2536</v>
      </c>
      <c r="H29" s="2" t="s">
        <v>49</v>
      </c>
      <c r="I29" s="2" t="s">
        <v>49</v>
      </c>
      <c r="J29" s="2" t="s">
        <v>49</v>
      </c>
      <c r="K29" s="2" t="s">
        <v>49</v>
      </c>
      <c r="L29" s="2" t="s">
        <v>49</v>
      </c>
      <c r="M29" s="2" t="s">
        <v>49</v>
      </c>
      <c r="N29" s="2" t="s">
        <v>2536</v>
      </c>
    </row>
    <row r="30" spans="1:14" x14ac:dyDescent="0.2">
      <c r="A30" s="4" t="s">
        <v>102</v>
      </c>
      <c r="B30" s="6" t="s">
        <v>2461</v>
      </c>
      <c r="C30" s="2" t="s">
        <v>49</v>
      </c>
      <c r="D30" s="2" t="s">
        <v>2539</v>
      </c>
      <c r="E30" s="2" t="s">
        <v>2539</v>
      </c>
      <c r="F30" s="2" t="s">
        <v>49</v>
      </c>
      <c r="G30" s="2" t="s">
        <v>49</v>
      </c>
      <c r="H30" s="2" t="s">
        <v>49</v>
      </c>
      <c r="I30" s="2" t="s">
        <v>49</v>
      </c>
      <c r="J30" s="2" t="s">
        <v>49</v>
      </c>
      <c r="K30" s="2" t="s">
        <v>49</v>
      </c>
      <c r="L30" s="2" t="s">
        <v>49</v>
      </c>
      <c r="M30" s="2" t="s">
        <v>49</v>
      </c>
      <c r="N30" s="2" t="s">
        <v>49</v>
      </c>
    </row>
    <row r="31" spans="1:14" x14ac:dyDescent="0.2">
      <c r="A31" s="4" t="s">
        <v>104</v>
      </c>
      <c r="B31" s="6" t="s">
        <v>2540</v>
      </c>
      <c r="C31" s="2" t="s">
        <v>49</v>
      </c>
      <c r="D31" s="2" t="s">
        <v>49</v>
      </c>
      <c r="E31" s="2" t="s">
        <v>49</v>
      </c>
      <c r="F31" s="2" t="s">
        <v>49</v>
      </c>
      <c r="G31" s="2" t="s">
        <v>49</v>
      </c>
      <c r="H31" s="2" t="s">
        <v>49</v>
      </c>
      <c r="I31" s="2" t="s">
        <v>49</v>
      </c>
      <c r="J31" s="2" t="s">
        <v>49</v>
      </c>
      <c r="K31" s="2" t="s">
        <v>49</v>
      </c>
      <c r="L31" s="2" t="s">
        <v>49</v>
      </c>
      <c r="M31" s="2" t="s">
        <v>49</v>
      </c>
      <c r="N31" s="2" t="s">
        <v>49</v>
      </c>
    </row>
    <row r="32" spans="1:14" x14ac:dyDescent="0.2">
      <c r="A32" s="5" t="s">
        <v>106</v>
      </c>
      <c r="B32" s="7" t="s">
        <v>2541</v>
      </c>
      <c r="C32" s="3" t="s">
        <v>49</v>
      </c>
      <c r="D32" s="3" t="s">
        <v>2542</v>
      </c>
      <c r="E32" s="3" t="s">
        <v>2543</v>
      </c>
      <c r="F32" s="3" t="s">
        <v>49</v>
      </c>
      <c r="G32" s="3" t="s">
        <v>2544</v>
      </c>
      <c r="H32" s="3" t="s">
        <v>49</v>
      </c>
      <c r="I32" s="3" t="s">
        <v>49</v>
      </c>
      <c r="J32" s="3" t="s">
        <v>49</v>
      </c>
      <c r="K32" s="3" t="s">
        <v>49</v>
      </c>
      <c r="L32" s="3" t="s">
        <v>49</v>
      </c>
      <c r="M32" s="3" t="s">
        <v>49</v>
      </c>
      <c r="N32" s="3" t="s">
        <v>2544</v>
      </c>
    </row>
    <row r="33" spans="1:14" x14ac:dyDescent="0.2">
      <c r="A33" s="4" t="s">
        <v>108</v>
      </c>
      <c r="B33" s="6" t="s">
        <v>2480</v>
      </c>
      <c r="C33" s="2" t="s">
        <v>49</v>
      </c>
      <c r="D33" s="2" t="s">
        <v>2542</v>
      </c>
      <c r="E33" s="2" t="s">
        <v>2543</v>
      </c>
      <c r="F33" s="2" t="s">
        <v>49</v>
      </c>
      <c r="G33" s="2" t="s">
        <v>2544</v>
      </c>
      <c r="H33" s="2" t="s">
        <v>49</v>
      </c>
      <c r="I33" s="2" t="s">
        <v>49</v>
      </c>
      <c r="J33" s="2" t="s">
        <v>49</v>
      </c>
      <c r="K33" s="2" t="s">
        <v>49</v>
      </c>
      <c r="L33" s="2" t="s">
        <v>49</v>
      </c>
      <c r="M33" s="2" t="s">
        <v>49</v>
      </c>
      <c r="N33" s="2" t="s">
        <v>2544</v>
      </c>
    </row>
    <row r="34" spans="1:14" x14ac:dyDescent="0.2">
      <c r="A34" s="4" t="s">
        <v>110</v>
      </c>
      <c r="B34" s="6" t="s">
        <v>2485</v>
      </c>
      <c r="C34" s="2" t="s">
        <v>49</v>
      </c>
      <c r="D34" s="2" t="s">
        <v>49</v>
      </c>
      <c r="E34" s="2" t="s">
        <v>49</v>
      </c>
      <c r="F34" s="2" t="s">
        <v>49</v>
      </c>
      <c r="G34" s="2" t="s">
        <v>49</v>
      </c>
      <c r="H34" s="2" t="s">
        <v>49</v>
      </c>
      <c r="I34" s="2" t="s">
        <v>49</v>
      </c>
      <c r="J34" s="2" t="s">
        <v>49</v>
      </c>
      <c r="K34" s="2" t="s">
        <v>49</v>
      </c>
      <c r="L34" s="2" t="s">
        <v>49</v>
      </c>
      <c r="M34" s="2" t="s">
        <v>49</v>
      </c>
      <c r="N34" s="2" t="s">
        <v>49</v>
      </c>
    </row>
    <row r="35" spans="1:14" x14ac:dyDescent="0.2">
      <c r="A35" s="5" t="s">
        <v>112</v>
      </c>
      <c r="B35" s="7" t="s">
        <v>2491</v>
      </c>
      <c r="C35" s="3" t="s">
        <v>49</v>
      </c>
      <c r="D35" s="3" t="s">
        <v>2545</v>
      </c>
      <c r="E35" s="3" t="s">
        <v>2545</v>
      </c>
      <c r="F35" s="3" t="s">
        <v>49</v>
      </c>
      <c r="G35" s="3" t="s">
        <v>49</v>
      </c>
      <c r="H35" s="3" t="s">
        <v>49</v>
      </c>
      <c r="I35" s="3" t="s">
        <v>49</v>
      </c>
      <c r="J35" s="3" t="s">
        <v>49</v>
      </c>
      <c r="K35" s="3" t="s">
        <v>49</v>
      </c>
      <c r="L35" s="3" t="s">
        <v>49</v>
      </c>
      <c r="M35" s="3" t="s">
        <v>49</v>
      </c>
      <c r="N35" s="3" t="s">
        <v>49</v>
      </c>
    </row>
    <row r="36" spans="1:14" x14ac:dyDescent="0.2">
      <c r="A36" s="4" t="s">
        <v>114</v>
      </c>
      <c r="B36" s="6" t="s">
        <v>2500</v>
      </c>
      <c r="C36" s="2" t="s">
        <v>49</v>
      </c>
      <c r="D36" s="2" t="s">
        <v>2545</v>
      </c>
      <c r="E36" s="2" t="s">
        <v>2545</v>
      </c>
      <c r="F36" s="2" t="s">
        <v>49</v>
      </c>
      <c r="G36" s="2" t="s">
        <v>49</v>
      </c>
      <c r="H36" s="2" t="s">
        <v>49</v>
      </c>
      <c r="I36" s="2" t="s">
        <v>49</v>
      </c>
      <c r="J36" s="2" t="s">
        <v>49</v>
      </c>
      <c r="K36" s="2" t="s">
        <v>49</v>
      </c>
      <c r="L36" s="2" t="s">
        <v>49</v>
      </c>
      <c r="M36" s="2" t="s">
        <v>49</v>
      </c>
      <c r="N36" s="2" t="s">
        <v>49</v>
      </c>
    </row>
    <row r="37" spans="1:14" x14ac:dyDescent="0.2">
      <c r="A37" s="4" t="s">
        <v>116</v>
      </c>
      <c r="B37" s="6" t="s">
        <v>2507</v>
      </c>
      <c r="C37" s="2" t="s">
        <v>49</v>
      </c>
      <c r="D37" s="2" t="s">
        <v>49</v>
      </c>
      <c r="E37" s="2" t="s">
        <v>49</v>
      </c>
      <c r="F37" s="2" t="s">
        <v>49</v>
      </c>
      <c r="G37" s="2" t="s">
        <v>49</v>
      </c>
      <c r="H37" s="2" t="s">
        <v>49</v>
      </c>
      <c r="I37" s="2" t="s">
        <v>49</v>
      </c>
      <c r="J37" s="2" t="s">
        <v>49</v>
      </c>
      <c r="K37" s="2" t="s">
        <v>49</v>
      </c>
      <c r="L37" s="2" t="s">
        <v>49</v>
      </c>
      <c r="M37" s="2" t="s">
        <v>49</v>
      </c>
      <c r="N37" s="2" t="s">
        <v>49</v>
      </c>
    </row>
    <row r="38" spans="1:14" x14ac:dyDescent="0.2">
      <c r="A38" s="4" t="s">
        <v>118</v>
      </c>
      <c r="B38" s="6" t="s">
        <v>2512</v>
      </c>
      <c r="C38" s="2" t="s">
        <v>49</v>
      </c>
      <c r="D38" s="2" t="s">
        <v>49</v>
      </c>
      <c r="E38" s="2" t="s">
        <v>49</v>
      </c>
      <c r="F38" s="2" t="s">
        <v>49</v>
      </c>
      <c r="G38" s="2" t="s">
        <v>49</v>
      </c>
      <c r="H38" s="2" t="s">
        <v>49</v>
      </c>
      <c r="I38" s="2" t="s">
        <v>49</v>
      </c>
      <c r="J38" s="2" t="s">
        <v>49</v>
      </c>
      <c r="K38" s="2" t="s">
        <v>49</v>
      </c>
      <c r="L38" s="2" t="s">
        <v>49</v>
      </c>
      <c r="M38" s="2" t="s">
        <v>49</v>
      </c>
      <c r="N38" s="2" t="s">
        <v>49</v>
      </c>
    </row>
    <row r="39" spans="1:14" x14ac:dyDescent="0.2">
      <c r="A39" s="4" t="s">
        <v>120</v>
      </c>
      <c r="B39" s="6" t="s">
        <v>2513</v>
      </c>
      <c r="C39" s="2" t="s">
        <v>49</v>
      </c>
      <c r="D39" s="2" t="s">
        <v>49</v>
      </c>
      <c r="E39" s="2" t="s">
        <v>49</v>
      </c>
      <c r="F39" s="2" t="s">
        <v>49</v>
      </c>
      <c r="G39" s="2" t="s">
        <v>49</v>
      </c>
      <c r="H39" s="2" t="s">
        <v>49</v>
      </c>
      <c r="I39" s="2" t="s">
        <v>49</v>
      </c>
      <c r="J39" s="2" t="s">
        <v>49</v>
      </c>
      <c r="K39" s="2" t="s">
        <v>49</v>
      </c>
      <c r="L39" s="2" t="s">
        <v>49</v>
      </c>
      <c r="M39" s="2" t="s">
        <v>49</v>
      </c>
      <c r="N39" s="2" t="s">
        <v>49</v>
      </c>
    </row>
    <row r="40" spans="1:14" x14ac:dyDescent="0.2">
      <c r="A40" s="5" t="s">
        <v>125</v>
      </c>
      <c r="B40" s="7" t="s">
        <v>2546</v>
      </c>
      <c r="C40" s="3" t="s">
        <v>2547</v>
      </c>
      <c r="D40" s="3" t="s">
        <v>2548</v>
      </c>
      <c r="E40" s="3" t="s">
        <v>2549</v>
      </c>
      <c r="F40" s="3" t="s">
        <v>2428</v>
      </c>
      <c r="G40" s="3" t="s">
        <v>2550</v>
      </c>
      <c r="H40" s="3" t="s">
        <v>2551</v>
      </c>
      <c r="I40" s="3" t="s">
        <v>2552</v>
      </c>
      <c r="J40" s="3" t="s">
        <v>2553</v>
      </c>
      <c r="K40" s="3" t="s">
        <v>2433</v>
      </c>
      <c r="L40" s="3" t="s">
        <v>2554</v>
      </c>
      <c r="M40" s="3" t="s">
        <v>2555</v>
      </c>
      <c r="N40" s="3" t="s">
        <v>2556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8740157499999996" right="0.78740157499999996" top="0.984251969" bottom="0.984251969" header="0.5" footer="0.5"/>
  <pageSetup orientation="portrait" horizontalDpi="300" verticalDpi="300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5"/>
  <sheetViews>
    <sheetView showGridLines="0" zoomScale="80" zoomScaleNormal="80" workbookViewId="0"/>
  </sheetViews>
  <sheetFormatPr defaultRowHeight="12.75" x14ac:dyDescent="0.2"/>
  <cols>
    <col min="1" max="1" width="4" customWidth="1"/>
    <col min="2" max="2" width="142.42578125" customWidth="1"/>
    <col min="3" max="4" width="17" customWidth="1"/>
    <col min="5" max="5" width="17.7109375" customWidth="1"/>
    <col min="6" max="6" width="20.5703125" customWidth="1"/>
    <col min="7" max="7" width="17.7109375" customWidth="1"/>
    <col min="8" max="8" width="20.85546875" customWidth="1"/>
  </cols>
  <sheetData>
    <row r="3" spans="1:8" x14ac:dyDescent="0.2">
      <c r="A3" s="9" t="s">
        <v>0</v>
      </c>
      <c r="B3" s="10"/>
      <c r="C3" s="10"/>
      <c r="D3" s="10"/>
      <c r="E3" s="10"/>
      <c r="F3" s="10"/>
      <c r="G3" s="10"/>
      <c r="H3" s="10"/>
    </row>
    <row r="4" spans="1:8" x14ac:dyDescent="0.2">
      <c r="A4" s="9" t="s">
        <v>1</v>
      </c>
      <c r="B4" s="10"/>
      <c r="C4" s="10"/>
      <c r="D4" s="10"/>
      <c r="E4" s="10"/>
      <c r="F4" s="10"/>
      <c r="G4" s="10"/>
      <c r="H4" s="10"/>
    </row>
    <row r="5" spans="1:8" x14ac:dyDescent="0.2">
      <c r="A5" s="9" t="s">
        <v>2557</v>
      </c>
      <c r="B5" s="10"/>
      <c r="C5" s="10"/>
      <c r="D5" s="10"/>
      <c r="E5" s="10"/>
      <c r="F5" s="10"/>
      <c r="G5" s="10"/>
      <c r="H5" s="10"/>
    </row>
    <row r="6" spans="1:8" x14ac:dyDescent="0.2">
      <c r="A6" s="9" t="s">
        <v>3</v>
      </c>
      <c r="B6" s="10"/>
      <c r="C6" s="10"/>
      <c r="D6" s="10"/>
      <c r="E6" s="10"/>
      <c r="F6" s="10"/>
      <c r="G6" s="10"/>
      <c r="H6" s="10"/>
    </row>
    <row r="7" spans="1:8" x14ac:dyDescent="0.2">
      <c r="A7" s="9" t="s">
        <v>4</v>
      </c>
      <c r="B7" s="10"/>
      <c r="C7" s="10"/>
      <c r="D7" s="10"/>
      <c r="E7" s="10"/>
      <c r="F7" s="10"/>
      <c r="G7" s="10"/>
      <c r="H7" s="10"/>
    </row>
    <row r="9" spans="1:8" x14ac:dyDescent="0.2">
      <c r="A9" s="11" t="s">
        <v>2558</v>
      </c>
      <c r="B9" s="10"/>
      <c r="C9" s="10"/>
      <c r="D9" s="10"/>
      <c r="E9" s="10"/>
      <c r="F9" s="10"/>
      <c r="G9" s="10"/>
      <c r="H9" s="10"/>
    </row>
    <row r="10" spans="1:8" x14ac:dyDescent="0.2">
      <c r="A10" s="8" t="s">
        <v>6</v>
      </c>
      <c r="B10" s="8" t="s">
        <v>2559</v>
      </c>
      <c r="C10" s="8" t="s">
        <v>9</v>
      </c>
      <c r="D10" s="8" t="s">
        <v>10</v>
      </c>
      <c r="E10" s="8" t="s">
        <v>11</v>
      </c>
      <c r="F10" s="8" t="s">
        <v>11</v>
      </c>
    </row>
    <row r="11" spans="1:8" ht="21" x14ac:dyDescent="0.2">
      <c r="A11" s="8" t="s">
        <v>7</v>
      </c>
      <c r="B11" s="8" t="s">
        <v>7</v>
      </c>
      <c r="C11" s="8" t="s">
        <v>7</v>
      </c>
      <c r="D11" s="8" t="s">
        <v>7</v>
      </c>
      <c r="E11" s="1" t="s">
        <v>621</v>
      </c>
      <c r="F11" s="1" t="s">
        <v>2560</v>
      </c>
    </row>
    <row r="12" spans="1:8" x14ac:dyDescent="0.2">
      <c r="A12" s="5" t="s">
        <v>17</v>
      </c>
      <c r="B12" s="7" t="s">
        <v>2561</v>
      </c>
      <c r="C12" s="3" t="s">
        <v>2562</v>
      </c>
      <c r="D12" s="3" t="s">
        <v>2562</v>
      </c>
      <c r="E12" s="3" t="s">
        <v>2563</v>
      </c>
      <c r="F12" s="3" t="s">
        <v>2564</v>
      </c>
    </row>
    <row r="13" spans="1:8" x14ac:dyDescent="0.2">
      <c r="A13" s="5" t="s">
        <v>23</v>
      </c>
      <c r="B13" s="7" t="s">
        <v>2565</v>
      </c>
      <c r="C13" s="3" t="s">
        <v>2566</v>
      </c>
      <c r="D13" s="3" t="s">
        <v>2566</v>
      </c>
      <c r="E13" s="3" t="s">
        <v>2567</v>
      </c>
      <c r="F13" s="3" t="s">
        <v>2568</v>
      </c>
    </row>
    <row r="14" spans="1:8" x14ac:dyDescent="0.2">
      <c r="A14" s="4" t="s">
        <v>29</v>
      </c>
      <c r="B14" s="6" t="s">
        <v>2569</v>
      </c>
      <c r="C14" s="2" t="s">
        <v>1631</v>
      </c>
      <c r="D14" s="2" t="s">
        <v>1631</v>
      </c>
      <c r="E14" s="2" t="s">
        <v>2570</v>
      </c>
      <c r="F14" s="2" t="s">
        <v>2571</v>
      </c>
    </row>
    <row r="15" spans="1:8" x14ac:dyDescent="0.2">
      <c r="A15" s="4" t="s">
        <v>35</v>
      </c>
      <c r="B15" s="6" t="s">
        <v>2572</v>
      </c>
      <c r="C15" s="2" t="s">
        <v>2573</v>
      </c>
      <c r="D15" s="2" t="s">
        <v>2573</v>
      </c>
      <c r="E15" s="2" t="s">
        <v>2574</v>
      </c>
      <c r="F15" s="2" t="s">
        <v>2575</v>
      </c>
    </row>
    <row r="16" spans="1:8" x14ac:dyDescent="0.2">
      <c r="A16" s="4" t="s">
        <v>41</v>
      </c>
      <c r="B16" s="6" t="s">
        <v>2576</v>
      </c>
      <c r="C16" s="2" t="s">
        <v>2577</v>
      </c>
      <c r="D16" s="2" t="s">
        <v>2577</v>
      </c>
      <c r="E16" s="2" t="s">
        <v>2578</v>
      </c>
      <c r="F16" s="2" t="s">
        <v>2579</v>
      </c>
    </row>
    <row r="17" spans="1:6" x14ac:dyDescent="0.2">
      <c r="A17" s="5" t="s">
        <v>47</v>
      </c>
      <c r="B17" s="7" t="s">
        <v>2580</v>
      </c>
      <c r="C17" s="3" t="s">
        <v>2581</v>
      </c>
      <c r="D17" s="3" t="s">
        <v>2581</v>
      </c>
      <c r="E17" s="3" t="s">
        <v>2582</v>
      </c>
      <c r="F17" s="3" t="s">
        <v>2583</v>
      </c>
    </row>
    <row r="18" spans="1:6" x14ac:dyDescent="0.2">
      <c r="A18" s="4" t="s">
        <v>50</v>
      </c>
      <c r="B18" s="6" t="s">
        <v>2584</v>
      </c>
      <c r="C18" s="2" t="s">
        <v>1661</v>
      </c>
      <c r="D18" s="2" t="s">
        <v>1661</v>
      </c>
      <c r="E18" s="2" t="s">
        <v>2585</v>
      </c>
      <c r="F18" s="2" t="s">
        <v>2586</v>
      </c>
    </row>
    <row r="19" spans="1:6" x14ac:dyDescent="0.2">
      <c r="A19" s="4" t="s">
        <v>56</v>
      </c>
      <c r="B19" s="6" t="s">
        <v>2587</v>
      </c>
      <c r="C19" s="2" t="s">
        <v>2588</v>
      </c>
      <c r="D19" s="2" t="s">
        <v>2588</v>
      </c>
      <c r="E19" s="2" t="s">
        <v>2589</v>
      </c>
      <c r="F19" s="2" t="s">
        <v>2590</v>
      </c>
    </row>
    <row r="20" spans="1:6" x14ac:dyDescent="0.2">
      <c r="A20" s="5" t="s">
        <v>58</v>
      </c>
      <c r="B20" s="7" t="s">
        <v>2591</v>
      </c>
      <c r="C20" s="3" t="s">
        <v>2592</v>
      </c>
      <c r="D20" s="3" t="s">
        <v>2592</v>
      </c>
      <c r="E20" s="3" t="s">
        <v>2593</v>
      </c>
      <c r="F20" s="3" t="s">
        <v>2594</v>
      </c>
    </row>
    <row r="21" spans="1:6" x14ac:dyDescent="0.2">
      <c r="A21" s="4" t="s">
        <v>60</v>
      </c>
      <c r="B21" s="6" t="s">
        <v>2595</v>
      </c>
      <c r="C21" s="2" t="s">
        <v>1646</v>
      </c>
      <c r="D21" s="2" t="s">
        <v>1646</v>
      </c>
      <c r="E21" s="2" t="s">
        <v>2596</v>
      </c>
      <c r="F21" s="2" t="s">
        <v>2597</v>
      </c>
    </row>
    <row r="22" spans="1:6" x14ac:dyDescent="0.2">
      <c r="A22" s="4" t="s">
        <v>62</v>
      </c>
      <c r="B22" s="6" t="s">
        <v>2598</v>
      </c>
      <c r="C22" s="2" t="s">
        <v>2599</v>
      </c>
      <c r="D22" s="2" t="s">
        <v>2599</v>
      </c>
      <c r="E22" s="2" t="s">
        <v>2600</v>
      </c>
      <c r="F22" s="2" t="s">
        <v>2601</v>
      </c>
    </row>
    <row r="23" spans="1:6" x14ac:dyDescent="0.2">
      <c r="A23" s="4" t="s">
        <v>68</v>
      </c>
      <c r="B23" s="6" t="s">
        <v>2602</v>
      </c>
      <c r="C23" s="2" t="s">
        <v>1676</v>
      </c>
      <c r="D23" s="2" t="s">
        <v>1676</v>
      </c>
      <c r="E23" s="2" t="s">
        <v>2269</v>
      </c>
      <c r="F23" s="2" t="s">
        <v>2603</v>
      </c>
    </row>
    <row r="24" spans="1:6" x14ac:dyDescent="0.2">
      <c r="A24" s="5" t="s">
        <v>74</v>
      </c>
      <c r="B24" s="7" t="s">
        <v>2604</v>
      </c>
      <c r="C24" s="3" t="s">
        <v>2605</v>
      </c>
      <c r="D24" s="3" t="s">
        <v>2605</v>
      </c>
      <c r="E24" s="3" t="s">
        <v>2606</v>
      </c>
      <c r="F24" s="3" t="s">
        <v>2607</v>
      </c>
    </row>
    <row r="25" spans="1:6" x14ac:dyDescent="0.2">
      <c r="A25" s="4" t="s">
        <v>80</v>
      </c>
      <c r="B25" s="6" t="s">
        <v>2608</v>
      </c>
      <c r="C25" s="2" t="s">
        <v>1759</v>
      </c>
      <c r="D25" s="2" t="s">
        <v>1759</v>
      </c>
      <c r="E25" s="2" t="s">
        <v>2609</v>
      </c>
      <c r="F25" s="2" t="s">
        <v>2610</v>
      </c>
    </row>
    <row r="26" spans="1:6" x14ac:dyDescent="0.2">
      <c r="A26" s="4" t="s">
        <v>86</v>
      </c>
      <c r="B26" s="6" t="s">
        <v>2611</v>
      </c>
      <c r="C26" s="2" t="s">
        <v>1763</v>
      </c>
      <c r="D26" s="2" t="s">
        <v>1763</v>
      </c>
      <c r="E26" s="2" t="s">
        <v>2612</v>
      </c>
      <c r="F26" s="2" t="s">
        <v>2613</v>
      </c>
    </row>
    <row r="27" spans="1:6" x14ac:dyDescent="0.2">
      <c r="A27" s="4" t="s">
        <v>92</v>
      </c>
      <c r="B27" s="6" t="s">
        <v>2614</v>
      </c>
      <c r="C27" s="2" t="s">
        <v>1778</v>
      </c>
      <c r="D27" s="2" t="s">
        <v>1778</v>
      </c>
      <c r="E27" s="2" t="s">
        <v>2615</v>
      </c>
      <c r="F27" s="2" t="s">
        <v>2616</v>
      </c>
    </row>
    <row r="28" spans="1:6" x14ac:dyDescent="0.2">
      <c r="A28" s="4" t="s">
        <v>94</v>
      </c>
      <c r="B28" s="6" t="s">
        <v>2617</v>
      </c>
      <c r="C28" s="2" t="s">
        <v>49</v>
      </c>
      <c r="D28" s="2" t="s">
        <v>49</v>
      </c>
      <c r="E28" s="2" t="s">
        <v>49</v>
      </c>
      <c r="F28" s="2" t="s">
        <v>49</v>
      </c>
    </row>
    <row r="29" spans="1:6" x14ac:dyDescent="0.2">
      <c r="A29" s="5" t="s">
        <v>100</v>
      </c>
      <c r="B29" s="7" t="s">
        <v>2618</v>
      </c>
      <c r="C29" s="3" t="s">
        <v>2619</v>
      </c>
      <c r="D29" s="3" t="s">
        <v>2620</v>
      </c>
      <c r="E29" s="3" t="s">
        <v>2621</v>
      </c>
      <c r="F29" s="3" t="s">
        <v>2622</v>
      </c>
    </row>
    <row r="30" spans="1:6" x14ac:dyDescent="0.2">
      <c r="A30" s="4" t="s">
        <v>102</v>
      </c>
      <c r="B30" s="6" t="s">
        <v>2623</v>
      </c>
      <c r="C30" s="2" t="s">
        <v>2624</v>
      </c>
      <c r="D30" s="2" t="s">
        <v>2624</v>
      </c>
      <c r="E30" s="2" t="s">
        <v>2625</v>
      </c>
      <c r="F30" s="2" t="s">
        <v>2626</v>
      </c>
    </row>
    <row r="31" spans="1:6" x14ac:dyDescent="0.2">
      <c r="A31" s="4" t="s">
        <v>104</v>
      </c>
      <c r="B31" s="6" t="s">
        <v>2627</v>
      </c>
      <c r="C31" s="2" t="s">
        <v>2628</v>
      </c>
      <c r="D31" s="2" t="s">
        <v>2629</v>
      </c>
      <c r="E31" s="2" t="s">
        <v>2630</v>
      </c>
      <c r="F31" s="2" t="s">
        <v>2631</v>
      </c>
    </row>
    <row r="32" spans="1:6" x14ac:dyDescent="0.2">
      <c r="A32" s="4" t="s">
        <v>106</v>
      </c>
      <c r="B32" s="6" t="s">
        <v>2632</v>
      </c>
      <c r="C32" s="2" t="s">
        <v>2633</v>
      </c>
      <c r="D32" s="2" t="s">
        <v>2633</v>
      </c>
      <c r="E32" s="2" t="s">
        <v>2634</v>
      </c>
      <c r="F32" s="2" t="s">
        <v>2616</v>
      </c>
    </row>
    <row r="33" spans="1:6" x14ac:dyDescent="0.2">
      <c r="A33" s="5" t="s">
        <v>108</v>
      </c>
      <c r="B33" s="7" t="s">
        <v>2635</v>
      </c>
      <c r="C33" s="3" t="s">
        <v>2636</v>
      </c>
      <c r="D33" s="3" t="s">
        <v>2637</v>
      </c>
      <c r="E33" s="3" t="s">
        <v>2638</v>
      </c>
      <c r="F33" s="3" t="s">
        <v>2639</v>
      </c>
    </row>
    <row r="35" spans="1:6" x14ac:dyDescent="0.2">
      <c r="A35" s="8" t="s">
        <v>6</v>
      </c>
      <c r="B35" s="8" t="s">
        <v>2640</v>
      </c>
      <c r="C35" s="8" t="s">
        <v>9</v>
      </c>
      <c r="D35" s="8" t="s">
        <v>10</v>
      </c>
      <c r="E35" s="8" t="s">
        <v>11</v>
      </c>
      <c r="F35" s="8" t="s">
        <v>11</v>
      </c>
    </row>
    <row r="36" spans="1:6" ht="21" x14ac:dyDescent="0.2">
      <c r="A36" s="8" t="s">
        <v>7</v>
      </c>
      <c r="B36" s="8" t="s">
        <v>7</v>
      </c>
      <c r="C36" s="8" t="s">
        <v>7</v>
      </c>
      <c r="D36" s="8" t="s">
        <v>7</v>
      </c>
      <c r="E36" s="1" t="s">
        <v>621</v>
      </c>
      <c r="F36" s="1" t="s">
        <v>2560</v>
      </c>
    </row>
    <row r="37" spans="1:6" x14ac:dyDescent="0.2">
      <c r="A37" s="4" t="s">
        <v>110</v>
      </c>
      <c r="B37" s="6" t="s">
        <v>2641</v>
      </c>
      <c r="C37" s="2" t="s">
        <v>49</v>
      </c>
      <c r="D37" s="2" t="s">
        <v>49</v>
      </c>
      <c r="E37" s="2" t="s">
        <v>49</v>
      </c>
      <c r="F37" s="2" t="s">
        <v>49</v>
      </c>
    </row>
    <row r="38" spans="1:6" x14ac:dyDescent="0.2">
      <c r="A38" s="5" t="s">
        <v>112</v>
      </c>
      <c r="B38" s="7" t="s">
        <v>2642</v>
      </c>
      <c r="C38" s="3" t="s">
        <v>2643</v>
      </c>
      <c r="D38" s="3" t="s">
        <v>2643</v>
      </c>
      <c r="E38" s="3" t="s">
        <v>2644</v>
      </c>
      <c r="F38" s="3" t="s">
        <v>2645</v>
      </c>
    </row>
    <row r="39" spans="1:6" x14ac:dyDescent="0.2">
      <c r="A39" s="4" t="s">
        <v>114</v>
      </c>
      <c r="B39" s="6" t="s">
        <v>2646</v>
      </c>
      <c r="C39" s="2" t="s">
        <v>2071</v>
      </c>
      <c r="D39" s="2" t="s">
        <v>2071</v>
      </c>
      <c r="E39" s="2" t="s">
        <v>2647</v>
      </c>
      <c r="F39" s="2" t="s">
        <v>2583</v>
      </c>
    </row>
    <row r="40" spans="1:6" x14ac:dyDescent="0.2">
      <c r="A40" s="4" t="s">
        <v>116</v>
      </c>
      <c r="B40" s="6" t="s">
        <v>2648</v>
      </c>
      <c r="C40" s="2" t="s">
        <v>1297</v>
      </c>
      <c r="D40" s="2" t="s">
        <v>1297</v>
      </c>
      <c r="E40" s="2" t="s">
        <v>49</v>
      </c>
      <c r="F40" s="2" t="s">
        <v>49</v>
      </c>
    </row>
    <row r="41" spans="1:6" x14ac:dyDescent="0.2">
      <c r="A41" s="4" t="s">
        <v>118</v>
      </c>
      <c r="B41" s="6" t="s">
        <v>2649</v>
      </c>
      <c r="C41" s="2" t="s">
        <v>2650</v>
      </c>
      <c r="D41" s="2" t="s">
        <v>2650</v>
      </c>
      <c r="E41" s="2" t="s">
        <v>49</v>
      </c>
      <c r="F41" s="2" t="s">
        <v>49</v>
      </c>
    </row>
    <row r="42" spans="1:6" x14ac:dyDescent="0.2">
      <c r="A42" s="4" t="s">
        <v>120</v>
      </c>
      <c r="B42" s="6" t="s">
        <v>2651</v>
      </c>
      <c r="C42" s="2" t="s">
        <v>2652</v>
      </c>
      <c r="D42" s="2" t="s">
        <v>2652</v>
      </c>
      <c r="E42" s="2" t="s">
        <v>49</v>
      </c>
      <c r="F42" s="2" t="s">
        <v>49</v>
      </c>
    </row>
    <row r="43" spans="1:6" x14ac:dyDescent="0.2">
      <c r="A43" s="4" t="s">
        <v>125</v>
      </c>
      <c r="B43" s="6" t="s">
        <v>2653</v>
      </c>
      <c r="C43" s="2" t="s">
        <v>2654</v>
      </c>
      <c r="D43" s="2" t="s">
        <v>2654</v>
      </c>
      <c r="E43" s="2" t="s">
        <v>49</v>
      </c>
      <c r="F43" s="2" t="s">
        <v>49</v>
      </c>
    </row>
    <row r="44" spans="1:6" x14ac:dyDescent="0.2">
      <c r="A44" s="4" t="s">
        <v>131</v>
      </c>
      <c r="B44" s="6" t="s">
        <v>2655</v>
      </c>
      <c r="C44" s="2" t="s">
        <v>2656</v>
      </c>
      <c r="D44" s="2" t="s">
        <v>2656</v>
      </c>
      <c r="E44" s="2" t="s">
        <v>2657</v>
      </c>
      <c r="F44" s="2" t="s">
        <v>2658</v>
      </c>
    </row>
    <row r="45" spans="1:6" x14ac:dyDescent="0.2">
      <c r="A45" s="5" t="s">
        <v>137</v>
      </c>
      <c r="B45" s="7" t="s">
        <v>2659</v>
      </c>
      <c r="C45" s="3" t="s">
        <v>2660</v>
      </c>
      <c r="D45" s="3" t="s">
        <v>2660</v>
      </c>
      <c r="E45" s="3" t="s">
        <v>2661</v>
      </c>
      <c r="F45" s="3" t="s">
        <v>1113</v>
      </c>
    </row>
    <row r="46" spans="1:6" x14ac:dyDescent="0.2">
      <c r="A46" s="4" t="s">
        <v>143</v>
      </c>
      <c r="B46" s="6" t="s">
        <v>2662</v>
      </c>
      <c r="C46" s="2" t="s">
        <v>2660</v>
      </c>
      <c r="D46" s="2" t="s">
        <v>2660</v>
      </c>
      <c r="E46" s="2" t="s">
        <v>2661</v>
      </c>
      <c r="F46" s="2" t="s">
        <v>1113</v>
      </c>
    </row>
    <row r="47" spans="1:6" x14ac:dyDescent="0.2">
      <c r="A47" s="4" t="s">
        <v>145</v>
      </c>
      <c r="B47" s="6" t="s">
        <v>2663</v>
      </c>
      <c r="C47" s="2" t="s">
        <v>49</v>
      </c>
      <c r="D47" s="2" t="s">
        <v>49</v>
      </c>
      <c r="E47" s="2" t="s">
        <v>49</v>
      </c>
      <c r="F47" s="2" t="s">
        <v>49</v>
      </c>
    </row>
    <row r="48" spans="1:6" x14ac:dyDescent="0.2">
      <c r="A48" s="4" t="s">
        <v>148</v>
      </c>
      <c r="B48" s="6" t="s">
        <v>2664</v>
      </c>
      <c r="C48" s="2" t="s">
        <v>49</v>
      </c>
      <c r="D48" s="2" t="s">
        <v>49</v>
      </c>
      <c r="E48" s="2" t="s">
        <v>49</v>
      </c>
      <c r="F48" s="2" t="s">
        <v>49</v>
      </c>
    </row>
    <row r="49" spans="1:6" x14ac:dyDescent="0.2">
      <c r="A49" s="4" t="s">
        <v>154</v>
      </c>
      <c r="B49" s="6" t="s">
        <v>2665</v>
      </c>
      <c r="C49" s="2" t="s">
        <v>49</v>
      </c>
      <c r="D49" s="2" t="s">
        <v>49</v>
      </c>
      <c r="E49" s="2" t="s">
        <v>49</v>
      </c>
      <c r="F49" s="2" t="s">
        <v>49</v>
      </c>
    </row>
    <row r="50" spans="1:6" x14ac:dyDescent="0.2">
      <c r="A50" s="4" t="s">
        <v>156</v>
      </c>
      <c r="B50" s="6" t="s">
        <v>2666</v>
      </c>
      <c r="C50" s="2" t="s">
        <v>2667</v>
      </c>
      <c r="D50" s="2" t="s">
        <v>2667</v>
      </c>
      <c r="E50" s="2" t="s">
        <v>2668</v>
      </c>
      <c r="F50" s="2" t="s">
        <v>2669</v>
      </c>
    </row>
    <row r="52" spans="1:6" x14ac:dyDescent="0.2">
      <c r="A52" s="8" t="s">
        <v>6</v>
      </c>
      <c r="B52" s="8" t="s">
        <v>2670</v>
      </c>
      <c r="C52" s="8" t="s">
        <v>9</v>
      </c>
      <c r="D52" s="8" t="s">
        <v>10</v>
      </c>
      <c r="E52" s="8" t="s">
        <v>11</v>
      </c>
      <c r="F52" s="8" t="s">
        <v>11</v>
      </c>
    </row>
    <row r="53" spans="1:6" ht="21" x14ac:dyDescent="0.2">
      <c r="A53" s="8" t="s">
        <v>7</v>
      </c>
      <c r="B53" s="8" t="s">
        <v>7</v>
      </c>
      <c r="C53" s="8" t="s">
        <v>7</v>
      </c>
      <c r="D53" s="8" t="s">
        <v>7</v>
      </c>
      <c r="E53" s="1" t="s">
        <v>621</v>
      </c>
      <c r="F53" s="1" t="s">
        <v>2560</v>
      </c>
    </row>
    <row r="54" spans="1:6" x14ac:dyDescent="0.2">
      <c r="A54" s="5" t="s">
        <v>162</v>
      </c>
      <c r="B54" s="7" t="s">
        <v>2671</v>
      </c>
      <c r="C54" s="3" t="s">
        <v>2672</v>
      </c>
      <c r="D54" s="3" t="s">
        <v>2673</v>
      </c>
      <c r="E54" s="3" t="s">
        <v>2674</v>
      </c>
      <c r="F54" s="3" t="s">
        <v>2675</v>
      </c>
    </row>
    <row r="55" spans="1:6" x14ac:dyDescent="0.2">
      <c r="A55" s="4" t="s">
        <v>168</v>
      </c>
      <c r="B55" s="6" t="s">
        <v>2676</v>
      </c>
      <c r="C55" s="2" t="s">
        <v>2677</v>
      </c>
      <c r="D55" s="2" t="s">
        <v>2677</v>
      </c>
      <c r="E55" s="2" t="s">
        <v>2678</v>
      </c>
      <c r="F55" s="2" t="s">
        <v>2679</v>
      </c>
    </row>
    <row r="56" spans="1:6" x14ac:dyDescent="0.2">
      <c r="A56" s="4" t="s">
        <v>174</v>
      </c>
      <c r="B56" s="6" t="s">
        <v>2680</v>
      </c>
      <c r="C56" s="2" t="s">
        <v>2681</v>
      </c>
      <c r="D56" s="2" t="s">
        <v>2681</v>
      </c>
      <c r="E56" s="2" t="s">
        <v>2682</v>
      </c>
      <c r="F56" s="2" t="s">
        <v>2583</v>
      </c>
    </row>
    <row r="57" spans="1:6" x14ac:dyDescent="0.2">
      <c r="A57" s="4" t="s">
        <v>180</v>
      </c>
      <c r="B57" s="6" t="s">
        <v>2683</v>
      </c>
      <c r="C57" s="2" t="s">
        <v>2684</v>
      </c>
      <c r="D57" s="2" t="s">
        <v>2685</v>
      </c>
      <c r="E57" s="2" t="s">
        <v>2686</v>
      </c>
      <c r="F57" s="2" t="s">
        <v>2631</v>
      </c>
    </row>
    <row r="58" spans="1:6" x14ac:dyDescent="0.2">
      <c r="A58" s="4" t="s">
        <v>182</v>
      </c>
      <c r="B58" s="6" t="s">
        <v>2687</v>
      </c>
      <c r="C58" s="2" t="s">
        <v>2688</v>
      </c>
      <c r="D58" s="2" t="s">
        <v>2688</v>
      </c>
      <c r="E58" s="2" t="s">
        <v>2689</v>
      </c>
      <c r="F58" s="2" t="s">
        <v>2610</v>
      </c>
    </row>
    <row r="59" spans="1:6" x14ac:dyDescent="0.2">
      <c r="A59" s="4" t="s">
        <v>188</v>
      </c>
      <c r="B59" s="6" t="s">
        <v>2690</v>
      </c>
      <c r="C59" s="2" t="s">
        <v>2691</v>
      </c>
      <c r="D59" s="2" t="s">
        <v>2691</v>
      </c>
      <c r="E59" s="2" t="s">
        <v>2692</v>
      </c>
      <c r="F59" s="2" t="s">
        <v>2613</v>
      </c>
    </row>
    <row r="60" spans="1:6" x14ac:dyDescent="0.2">
      <c r="A60" s="4" t="s">
        <v>194</v>
      </c>
      <c r="B60" s="6" t="s">
        <v>2693</v>
      </c>
      <c r="C60" s="2" t="s">
        <v>2694</v>
      </c>
      <c r="D60" s="2" t="s">
        <v>2694</v>
      </c>
      <c r="E60" s="2" t="s">
        <v>2695</v>
      </c>
      <c r="F60" s="2" t="s">
        <v>2616</v>
      </c>
    </row>
    <row r="61" spans="1:6" x14ac:dyDescent="0.2">
      <c r="A61" s="5" t="s">
        <v>196</v>
      </c>
      <c r="B61" s="7" t="s">
        <v>2696</v>
      </c>
      <c r="C61" s="3" t="s">
        <v>2697</v>
      </c>
      <c r="D61" s="3" t="s">
        <v>2697</v>
      </c>
      <c r="E61" s="3" t="s">
        <v>2698</v>
      </c>
      <c r="F61" s="3" t="s">
        <v>2699</v>
      </c>
    </row>
    <row r="62" spans="1:6" x14ac:dyDescent="0.2">
      <c r="A62" s="4" t="s">
        <v>198</v>
      </c>
      <c r="B62" s="6" t="s">
        <v>2700</v>
      </c>
      <c r="C62" s="2" t="s">
        <v>1793</v>
      </c>
      <c r="D62" s="2" t="s">
        <v>1793</v>
      </c>
      <c r="E62" s="2" t="s">
        <v>2701</v>
      </c>
      <c r="F62" s="2" t="s">
        <v>2699</v>
      </c>
    </row>
    <row r="63" spans="1:6" x14ac:dyDescent="0.2">
      <c r="A63" s="4" t="s">
        <v>200</v>
      </c>
      <c r="B63" s="6" t="s">
        <v>2702</v>
      </c>
      <c r="C63" s="2" t="s">
        <v>49</v>
      </c>
      <c r="D63" s="2" t="s">
        <v>49</v>
      </c>
      <c r="E63" s="2" t="s">
        <v>49</v>
      </c>
      <c r="F63" s="2" t="s">
        <v>49</v>
      </c>
    </row>
    <row r="64" spans="1:6" x14ac:dyDescent="0.2">
      <c r="A64" s="4" t="s">
        <v>206</v>
      </c>
      <c r="B64" s="6" t="s">
        <v>2703</v>
      </c>
      <c r="C64" s="2" t="s">
        <v>2704</v>
      </c>
      <c r="D64" s="2" t="s">
        <v>2704</v>
      </c>
      <c r="E64" s="2" t="s">
        <v>2705</v>
      </c>
      <c r="F64" s="2" t="s">
        <v>2706</v>
      </c>
    </row>
    <row r="65" spans="1:8" x14ac:dyDescent="0.2">
      <c r="A65" s="4" t="s">
        <v>212</v>
      </c>
      <c r="B65" s="6" t="s">
        <v>2707</v>
      </c>
      <c r="C65" s="2" t="s">
        <v>2708</v>
      </c>
      <c r="D65" s="2" t="s">
        <v>2709</v>
      </c>
      <c r="E65" s="2" t="s">
        <v>2710</v>
      </c>
      <c r="F65" s="2" t="s">
        <v>2711</v>
      </c>
    </row>
    <row r="67" spans="1:8" x14ac:dyDescent="0.2">
      <c r="A67" s="8" t="s">
        <v>6</v>
      </c>
      <c r="B67" s="8" t="s">
        <v>2712</v>
      </c>
      <c r="C67" s="8" t="s">
        <v>619</v>
      </c>
      <c r="D67" s="8" t="s">
        <v>2713</v>
      </c>
      <c r="E67" s="8" t="s">
        <v>307</v>
      </c>
      <c r="F67" s="8" t="s">
        <v>7</v>
      </c>
      <c r="G67" s="8" t="s">
        <v>311</v>
      </c>
      <c r="H67" s="8" t="s">
        <v>311</v>
      </c>
    </row>
    <row r="68" spans="1:8" ht="21" x14ac:dyDescent="0.2">
      <c r="A68" s="8" t="s">
        <v>7</v>
      </c>
      <c r="B68" s="8" t="s">
        <v>7</v>
      </c>
      <c r="C68" s="8" t="s">
        <v>7</v>
      </c>
      <c r="D68" s="8" t="s">
        <v>7</v>
      </c>
      <c r="E68" s="1" t="s">
        <v>2714</v>
      </c>
      <c r="F68" s="1" t="s">
        <v>2715</v>
      </c>
      <c r="G68" s="1" t="s">
        <v>2716</v>
      </c>
      <c r="H68" s="1" t="s">
        <v>2717</v>
      </c>
    </row>
    <row r="69" spans="1:8" x14ac:dyDescent="0.2">
      <c r="A69" s="5" t="s">
        <v>218</v>
      </c>
      <c r="B69" s="7" t="s">
        <v>2718</v>
      </c>
      <c r="C69" s="3" t="s">
        <v>2719</v>
      </c>
      <c r="D69" s="3" t="s">
        <v>2719</v>
      </c>
      <c r="E69" s="3" t="s">
        <v>2720</v>
      </c>
      <c r="F69" s="3" t="s">
        <v>2721</v>
      </c>
      <c r="G69" s="3" t="s">
        <v>2722</v>
      </c>
      <c r="H69" s="3" t="s">
        <v>2723</v>
      </c>
    </row>
    <row r="70" spans="1:8" x14ac:dyDescent="0.2">
      <c r="A70" s="4" t="s">
        <v>224</v>
      </c>
      <c r="B70" s="6" t="s">
        <v>2724</v>
      </c>
      <c r="C70" s="2" t="s">
        <v>2725</v>
      </c>
      <c r="D70" s="2" t="s">
        <v>2725</v>
      </c>
      <c r="E70" s="2" t="s">
        <v>2726</v>
      </c>
      <c r="F70" s="2" t="s">
        <v>2727</v>
      </c>
      <c r="G70" s="2" t="s">
        <v>2728</v>
      </c>
      <c r="H70" s="2" t="s">
        <v>2729</v>
      </c>
    </row>
    <row r="71" spans="1:8" x14ac:dyDescent="0.2">
      <c r="A71" s="4" t="s">
        <v>230</v>
      </c>
      <c r="B71" s="6" t="s">
        <v>2730</v>
      </c>
      <c r="C71" s="2" t="s">
        <v>2731</v>
      </c>
      <c r="D71" s="2" t="s">
        <v>2731</v>
      </c>
      <c r="E71" s="2" t="s">
        <v>2732</v>
      </c>
      <c r="F71" s="2" t="s">
        <v>2727</v>
      </c>
      <c r="G71" s="2" t="s">
        <v>2733</v>
      </c>
      <c r="H71" s="2" t="s">
        <v>2729</v>
      </c>
    </row>
    <row r="72" spans="1:8" x14ac:dyDescent="0.2">
      <c r="A72" s="5" t="s">
        <v>235</v>
      </c>
      <c r="B72" s="7" t="s">
        <v>2734</v>
      </c>
      <c r="C72" s="3" t="s">
        <v>2735</v>
      </c>
      <c r="D72" s="3" t="s">
        <v>2735</v>
      </c>
      <c r="E72" s="3" t="s">
        <v>49</v>
      </c>
      <c r="F72" s="3" t="s">
        <v>49</v>
      </c>
      <c r="G72" s="3" t="s">
        <v>49</v>
      </c>
      <c r="H72" s="3" t="s">
        <v>49</v>
      </c>
    </row>
    <row r="73" spans="1:8" x14ac:dyDescent="0.2">
      <c r="A73" s="4" t="s">
        <v>240</v>
      </c>
      <c r="B73" s="6" t="s">
        <v>2736</v>
      </c>
      <c r="C73" s="2" t="s">
        <v>2735</v>
      </c>
      <c r="D73" s="2" t="s">
        <v>2735</v>
      </c>
      <c r="E73" s="2" t="s">
        <v>49</v>
      </c>
      <c r="F73" s="2" t="s">
        <v>49</v>
      </c>
      <c r="G73" s="2" t="s">
        <v>49</v>
      </c>
      <c r="H73" s="2" t="s">
        <v>49</v>
      </c>
    </row>
    <row r="74" spans="1:8" x14ac:dyDescent="0.2">
      <c r="A74" s="4" t="s">
        <v>241</v>
      </c>
      <c r="B74" s="6" t="s">
        <v>2737</v>
      </c>
      <c r="C74" s="2" t="s">
        <v>49</v>
      </c>
      <c r="D74" s="2" t="s">
        <v>49</v>
      </c>
      <c r="E74" s="2" t="s">
        <v>49</v>
      </c>
      <c r="F74" s="2" t="s">
        <v>49</v>
      </c>
      <c r="G74" s="2" t="s">
        <v>49</v>
      </c>
      <c r="H74" s="2" t="s">
        <v>49</v>
      </c>
    </row>
    <row r="75" spans="1:8" x14ac:dyDescent="0.2">
      <c r="A75" s="5" t="s">
        <v>242</v>
      </c>
      <c r="B75" s="7" t="s">
        <v>2738</v>
      </c>
      <c r="C75" s="3" t="s">
        <v>2697</v>
      </c>
      <c r="D75" s="3" t="s">
        <v>2697</v>
      </c>
      <c r="E75" s="3" t="s">
        <v>2720</v>
      </c>
      <c r="F75" s="3" t="s">
        <v>2721</v>
      </c>
      <c r="G75" s="3" t="s">
        <v>2722</v>
      </c>
      <c r="H75" s="3" t="s">
        <v>2723</v>
      </c>
    </row>
    <row r="77" spans="1:8" x14ac:dyDescent="0.2">
      <c r="A77" s="8" t="s">
        <v>6</v>
      </c>
      <c r="B77" s="8" t="s">
        <v>2739</v>
      </c>
      <c r="C77" s="8" t="s">
        <v>2740</v>
      </c>
    </row>
    <row r="78" spans="1:8" x14ac:dyDescent="0.2">
      <c r="A78" s="8" t="s">
        <v>7</v>
      </c>
      <c r="B78" s="8" t="s">
        <v>7</v>
      </c>
      <c r="C78" s="8" t="s">
        <v>7</v>
      </c>
    </row>
    <row r="79" spans="1:8" x14ac:dyDescent="0.2">
      <c r="A79" s="5" t="s">
        <v>244</v>
      </c>
      <c r="B79" s="7" t="s">
        <v>2741</v>
      </c>
      <c r="C79" s="3" t="s">
        <v>49</v>
      </c>
    </row>
    <row r="80" spans="1:8" x14ac:dyDescent="0.2">
      <c r="A80" s="4" t="s">
        <v>249</v>
      </c>
      <c r="B80" s="6" t="s">
        <v>2742</v>
      </c>
      <c r="C80" s="2" t="s">
        <v>49</v>
      </c>
    </row>
    <row r="81" spans="1:3" x14ac:dyDescent="0.2">
      <c r="A81" s="4" t="s">
        <v>250</v>
      </c>
      <c r="B81" s="6" t="s">
        <v>2743</v>
      </c>
      <c r="C81" s="2" t="s">
        <v>49</v>
      </c>
    </row>
    <row r="82" spans="1:3" x14ac:dyDescent="0.2">
      <c r="A82" s="5" t="s">
        <v>252</v>
      </c>
      <c r="B82" s="7" t="s">
        <v>2744</v>
      </c>
      <c r="C82" s="3" t="s">
        <v>49</v>
      </c>
    </row>
    <row r="83" spans="1:3" x14ac:dyDescent="0.2">
      <c r="A83" s="4" t="s">
        <v>254</v>
      </c>
      <c r="B83" s="6" t="s">
        <v>2745</v>
      </c>
      <c r="C83" s="2" t="s">
        <v>49</v>
      </c>
    </row>
    <row r="84" spans="1:3" x14ac:dyDescent="0.2">
      <c r="A84" s="4" t="s">
        <v>256</v>
      </c>
      <c r="B84" s="6" t="s">
        <v>2746</v>
      </c>
      <c r="C84" s="2" t="s">
        <v>49</v>
      </c>
    </row>
    <row r="85" spans="1:3" x14ac:dyDescent="0.2">
      <c r="A85" s="5" t="s">
        <v>258</v>
      </c>
      <c r="B85" s="7" t="s">
        <v>2747</v>
      </c>
      <c r="C85" s="3" t="s">
        <v>49</v>
      </c>
    </row>
    <row r="87" spans="1:3" x14ac:dyDescent="0.2">
      <c r="A87" s="8" t="s">
        <v>6</v>
      </c>
      <c r="B87" s="8" t="s">
        <v>2748</v>
      </c>
      <c r="C87" s="8" t="s">
        <v>2740</v>
      </c>
    </row>
    <row r="88" spans="1:3" x14ac:dyDescent="0.2">
      <c r="A88" s="8" t="s">
        <v>7</v>
      </c>
      <c r="B88" s="8" t="s">
        <v>7</v>
      </c>
      <c r="C88" s="8" t="s">
        <v>7</v>
      </c>
    </row>
    <row r="89" spans="1:3" x14ac:dyDescent="0.2">
      <c r="A89" s="4" t="s">
        <v>260</v>
      </c>
      <c r="B89" s="6" t="s">
        <v>2749</v>
      </c>
      <c r="C89" s="2" t="s">
        <v>2722</v>
      </c>
    </row>
    <row r="90" spans="1:3" x14ac:dyDescent="0.2">
      <c r="A90" s="4" t="s">
        <v>262</v>
      </c>
      <c r="B90" s="6" t="s">
        <v>2750</v>
      </c>
      <c r="C90" s="2" t="s">
        <v>2751</v>
      </c>
    </row>
    <row r="91" spans="1:3" x14ac:dyDescent="0.2">
      <c r="A91" s="4" t="s">
        <v>268</v>
      </c>
      <c r="B91" s="6" t="s">
        <v>2752</v>
      </c>
      <c r="C91" s="2" t="s">
        <v>49</v>
      </c>
    </row>
    <row r="92" spans="1:3" x14ac:dyDescent="0.2">
      <c r="A92" s="4" t="s">
        <v>274</v>
      </c>
      <c r="B92" s="6" t="s">
        <v>2753</v>
      </c>
      <c r="C92" s="2" t="s">
        <v>2754</v>
      </c>
    </row>
    <row r="94" spans="1:3" x14ac:dyDescent="0.2">
      <c r="A94" s="8" t="s">
        <v>6</v>
      </c>
      <c r="B94" s="8" t="s">
        <v>2755</v>
      </c>
      <c r="C94" s="8" t="s">
        <v>2740</v>
      </c>
    </row>
    <row r="95" spans="1:3" x14ac:dyDescent="0.2">
      <c r="A95" s="8" t="s">
        <v>7</v>
      </c>
      <c r="B95" s="8" t="s">
        <v>7</v>
      </c>
      <c r="C95" s="8" t="s">
        <v>7</v>
      </c>
    </row>
    <row r="96" spans="1:3" x14ac:dyDescent="0.2">
      <c r="A96" s="4" t="s">
        <v>276</v>
      </c>
      <c r="B96" s="6" t="s">
        <v>2756</v>
      </c>
      <c r="C96" s="2" t="s">
        <v>49</v>
      </c>
    </row>
    <row r="97" spans="1:8" x14ac:dyDescent="0.2">
      <c r="A97" s="4" t="s">
        <v>278</v>
      </c>
      <c r="B97" s="6" t="s">
        <v>2757</v>
      </c>
      <c r="C97" s="2" t="s">
        <v>49</v>
      </c>
    </row>
    <row r="99" spans="1:8" x14ac:dyDescent="0.2">
      <c r="A99" s="8" t="s">
        <v>6</v>
      </c>
      <c r="B99" s="8" t="s">
        <v>2758</v>
      </c>
      <c r="C99" s="8" t="s">
        <v>619</v>
      </c>
      <c r="D99" s="8" t="s">
        <v>2713</v>
      </c>
      <c r="E99" s="8" t="s">
        <v>307</v>
      </c>
      <c r="F99" s="8" t="s">
        <v>7</v>
      </c>
      <c r="G99" s="8" t="s">
        <v>311</v>
      </c>
      <c r="H99" s="8" t="s">
        <v>311</v>
      </c>
    </row>
    <row r="100" spans="1:8" ht="21" x14ac:dyDescent="0.2">
      <c r="A100" s="8" t="s">
        <v>7</v>
      </c>
      <c r="B100" s="8" t="s">
        <v>7</v>
      </c>
      <c r="C100" s="8" t="s">
        <v>7</v>
      </c>
      <c r="D100" s="8" t="s">
        <v>7</v>
      </c>
      <c r="E100" s="1" t="s">
        <v>2714</v>
      </c>
      <c r="F100" s="1" t="s">
        <v>2715</v>
      </c>
      <c r="G100" s="1" t="s">
        <v>2716</v>
      </c>
      <c r="H100" s="1" t="s">
        <v>2717</v>
      </c>
    </row>
    <row r="101" spans="1:8" x14ac:dyDescent="0.2">
      <c r="A101" s="5" t="s">
        <v>280</v>
      </c>
      <c r="B101" s="7" t="s">
        <v>2759</v>
      </c>
      <c r="C101" s="3" t="s">
        <v>49</v>
      </c>
      <c r="D101" s="3" t="s">
        <v>49</v>
      </c>
      <c r="E101" s="3" t="s">
        <v>49</v>
      </c>
      <c r="F101" s="3" t="s">
        <v>49</v>
      </c>
      <c r="G101" s="3" t="s">
        <v>49</v>
      </c>
      <c r="H101" s="3" t="s">
        <v>49</v>
      </c>
    </row>
    <row r="102" spans="1:8" x14ac:dyDescent="0.2">
      <c r="A102" s="4" t="s">
        <v>282</v>
      </c>
      <c r="B102" s="6" t="s">
        <v>2760</v>
      </c>
      <c r="C102" s="2" t="s">
        <v>49</v>
      </c>
      <c r="D102" s="2" t="s">
        <v>49</v>
      </c>
      <c r="E102" s="2" t="s">
        <v>49</v>
      </c>
      <c r="F102" s="2" t="s">
        <v>49</v>
      </c>
      <c r="G102" s="2" t="s">
        <v>49</v>
      </c>
      <c r="H102" s="2" t="s">
        <v>49</v>
      </c>
    </row>
    <row r="103" spans="1:8" x14ac:dyDescent="0.2">
      <c r="A103" s="4" t="s">
        <v>284</v>
      </c>
      <c r="B103" s="6" t="s">
        <v>2761</v>
      </c>
      <c r="C103" s="2" t="s">
        <v>49</v>
      </c>
      <c r="D103" s="2" t="s">
        <v>49</v>
      </c>
      <c r="E103" s="2" t="s">
        <v>49</v>
      </c>
      <c r="F103" s="2" t="s">
        <v>49</v>
      </c>
      <c r="G103" s="2" t="s">
        <v>49</v>
      </c>
      <c r="H103" s="2" t="s">
        <v>49</v>
      </c>
    </row>
    <row r="104" spans="1:8" x14ac:dyDescent="0.2">
      <c r="A104" s="5" t="s">
        <v>285</v>
      </c>
      <c r="B104" s="7" t="s">
        <v>2762</v>
      </c>
      <c r="C104" s="3" t="s">
        <v>2763</v>
      </c>
      <c r="D104" s="3" t="s">
        <v>2764</v>
      </c>
      <c r="E104" s="3" t="s">
        <v>2765</v>
      </c>
      <c r="F104" s="3" t="s">
        <v>2766</v>
      </c>
      <c r="G104" s="3" t="s">
        <v>2767</v>
      </c>
      <c r="H104" s="3" t="s">
        <v>2768</v>
      </c>
    </row>
    <row r="105" spans="1:8" x14ac:dyDescent="0.2">
      <c r="A105" s="4" t="s">
        <v>286</v>
      </c>
      <c r="B105" s="6" t="s">
        <v>2769</v>
      </c>
      <c r="C105" s="2" t="s">
        <v>2770</v>
      </c>
      <c r="D105" s="2" t="s">
        <v>2770</v>
      </c>
      <c r="E105" s="2" t="s">
        <v>2726</v>
      </c>
      <c r="F105" s="2" t="s">
        <v>2771</v>
      </c>
      <c r="G105" s="2" t="s">
        <v>2728</v>
      </c>
      <c r="H105" s="2" t="s">
        <v>2772</v>
      </c>
    </row>
    <row r="106" spans="1:8" x14ac:dyDescent="0.2">
      <c r="A106" s="4" t="s">
        <v>288</v>
      </c>
      <c r="B106" s="6" t="s">
        <v>2773</v>
      </c>
      <c r="C106" s="2" t="s">
        <v>2774</v>
      </c>
      <c r="D106" s="2" t="s">
        <v>2775</v>
      </c>
      <c r="E106" s="2" t="s">
        <v>2776</v>
      </c>
      <c r="F106" s="2" t="s">
        <v>2777</v>
      </c>
      <c r="G106" s="2" t="s">
        <v>972</v>
      </c>
      <c r="H106" s="2" t="s">
        <v>2778</v>
      </c>
    </row>
    <row r="107" spans="1:8" x14ac:dyDescent="0.2">
      <c r="A107" s="5" t="s">
        <v>291</v>
      </c>
      <c r="B107" s="7" t="s">
        <v>2779</v>
      </c>
      <c r="C107" s="3" t="s">
        <v>2780</v>
      </c>
      <c r="D107" s="3" t="s">
        <v>2781</v>
      </c>
      <c r="E107" s="3" t="s">
        <v>2782</v>
      </c>
      <c r="F107" s="3" t="s">
        <v>2783</v>
      </c>
      <c r="G107" s="3" t="s">
        <v>2784</v>
      </c>
      <c r="H107" s="3" t="s">
        <v>2785</v>
      </c>
    </row>
    <row r="108" spans="1:8" x14ac:dyDescent="0.2">
      <c r="A108" s="4" t="s">
        <v>296</v>
      </c>
      <c r="B108" s="6" t="s">
        <v>2786</v>
      </c>
      <c r="C108" s="2" t="s">
        <v>2731</v>
      </c>
      <c r="D108" s="2" t="s">
        <v>2731</v>
      </c>
      <c r="E108" s="2" t="s">
        <v>2732</v>
      </c>
      <c r="F108" s="2" t="s">
        <v>2727</v>
      </c>
      <c r="G108" s="2" t="s">
        <v>2733</v>
      </c>
      <c r="H108" s="2" t="s">
        <v>2729</v>
      </c>
    </row>
    <row r="109" spans="1:8" x14ac:dyDescent="0.2">
      <c r="A109" s="4" t="s">
        <v>298</v>
      </c>
      <c r="B109" s="6" t="s">
        <v>2787</v>
      </c>
      <c r="C109" s="2" t="s">
        <v>2788</v>
      </c>
      <c r="D109" s="2" t="s">
        <v>2789</v>
      </c>
      <c r="E109" s="2" t="s">
        <v>977</v>
      </c>
      <c r="F109" s="2" t="s">
        <v>2790</v>
      </c>
      <c r="G109" s="2" t="s">
        <v>980</v>
      </c>
      <c r="H109" s="2" t="s">
        <v>2791</v>
      </c>
    </row>
    <row r="110" spans="1:8" x14ac:dyDescent="0.2">
      <c r="A110" s="4" t="s">
        <v>300</v>
      </c>
      <c r="B110" s="6" t="s">
        <v>2792</v>
      </c>
      <c r="C110" s="2" t="s">
        <v>2793</v>
      </c>
      <c r="D110" s="2" t="s">
        <v>2793</v>
      </c>
      <c r="E110" s="2" t="s">
        <v>2794</v>
      </c>
      <c r="F110" s="2" t="s">
        <v>2795</v>
      </c>
      <c r="G110" s="2" t="s">
        <v>2796</v>
      </c>
      <c r="H110" s="2" t="s">
        <v>2797</v>
      </c>
    </row>
    <row r="111" spans="1:8" x14ac:dyDescent="0.2">
      <c r="A111" s="4" t="s">
        <v>302</v>
      </c>
      <c r="B111" s="6" t="s">
        <v>2798</v>
      </c>
      <c r="C111" s="2" t="s">
        <v>2799</v>
      </c>
      <c r="D111" s="2" t="s">
        <v>2799</v>
      </c>
      <c r="E111" s="2" t="s">
        <v>2800</v>
      </c>
      <c r="F111" s="2" t="s">
        <v>2801</v>
      </c>
      <c r="G111" s="2" t="s">
        <v>49</v>
      </c>
      <c r="H111" s="2" t="s">
        <v>49</v>
      </c>
    </row>
    <row r="112" spans="1:8" x14ac:dyDescent="0.2">
      <c r="A112" s="4" t="s">
        <v>315</v>
      </c>
      <c r="B112" s="6" t="s">
        <v>2802</v>
      </c>
      <c r="C112" s="2" t="s">
        <v>2803</v>
      </c>
      <c r="D112" s="2" t="s">
        <v>2804</v>
      </c>
      <c r="E112" s="2" t="s">
        <v>2805</v>
      </c>
      <c r="F112" s="2" t="s">
        <v>2806</v>
      </c>
      <c r="G112" s="2" t="s">
        <v>2807</v>
      </c>
      <c r="H112" s="2" t="s">
        <v>2808</v>
      </c>
    </row>
    <row r="113" spans="1:8" x14ac:dyDescent="0.2">
      <c r="A113" s="5" t="s">
        <v>324</v>
      </c>
      <c r="B113" s="7" t="s">
        <v>2809</v>
      </c>
      <c r="C113" s="3" t="s">
        <v>2810</v>
      </c>
      <c r="D113" s="3" t="s">
        <v>2811</v>
      </c>
      <c r="E113" s="3" t="s">
        <v>2812</v>
      </c>
      <c r="F113" s="3" t="s">
        <v>2813</v>
      </c>
      <c r="G113" s="3" t="s">
        <v>2814</v>
      </c>
      <c r="H113" s="3" t="s">
        <v>2815</v>
      </c>
    </row>
    <row r="115" spans="1:8" x14ac:dyDescent="0.2">
      <c r="A115" s="8" t="s">
        <v>6</v>
      </c>
      <c r="B115" s="8" t="s">
        <v>2816</v>
      </c>
      <c r="C115" s="8" t="s">
        <v>2740</v>
      </c>
    </row>
    <row r="116" spans="1:8" x14ac:dyDescent="0.2">
      <c r="A116" s="8" t="s">
        <v>7</v>
      </c>
      <c r="B116" s="8" t="s">
        <v>7</v>
      </c>
      <c r="C116" s="8" t="s">
        <v>7</v>
      </c>
    </row>
    <row r="117" spans="1:8" x14ac:dyDescent="0.2">
      <c r="A117" s="4" t="s">
        <v>333</v>
      </c>
      <c r="B117" s="6" t="s">
        <v>2817</v>
      </c>
      <c r="C117" s="2" t="s">
        <v>2710</v>
      </c>
    </row>
    <row r="118" spans="1:8" x14ac:dyDescent="0.2">
      <c r="A118" s="4" t="s">
        <v>342</v>
      </c>
      <c r="B118" s="6" t="s">
        <v>2818</v>
      </c>
      <c r="C118" s="2" t="s">
        <v>49</v>
      </c>
    </row>
    <row r="119" spans="1:8" x14ac:dyDescent="0.2">
      <c r="A119" s="4" t="s">
        <v>351</v>
      </c>
      <c r="B119" s="6" t="s">
        <v>2819</v>
      </c>
      <c r="C119" s="2" t="s">
        <v>2705</v>
      </c>
    </row>
    <row r="120" spans="1:8" x14ac:dyDescent="0.2">
      <c r="A120" s="4" t="s">
        <v>360</v>
      </c>
      <c r="B120" s="6" t="s">
        <v>2820</v>
      </c>
      <c r="C120" s="2" t="s">
        <v>49</v>
      </c>
    </row>
    <row r="121" spans="1:8" x14ac:dyDescent="0.2">
      <c r="A121" s="4" t="s">
        <v>367</v>
      </c>
      <c r="B121" s="6" t="s">
        <v>2821</v>
      </c>
      <c r="C121" s="2" t="s">
        <v>49</v>
      </c>
    </row>
    <row r="122" spans="1:8" x14ac:dyDescent="0.2">
      <c r="A122" s="4" t="s">
        <v>375</v>
      </c>
      <c r="B122" s="6" t="s">
        <v>2822</v>
      </c>
      <c r="C122" s="2" t="s">
        <v>49</v>
      </c>
    </row>
    <row r="123" spans="1:8" x14ac:dyDescent="0.2">
      <c r="A123" s="4" t="s">
        <v>384</v>
      </c>
      <c r="B123" s="6" t="s">
        <v>2823</v>
      </c>
      <c r="C123" s="2" t="s">
        <v>2824</v>
      </c>
    </row>
    <row r="124" spans="1:8" x14ac:dyDescent="0.2">
      <c r="A124" s="5" t="s">
        <v>393</v>
      </c>
      <c r="B124" s="7" t="s">
        <v>2825</v>
      </c>
      <c r="C124" s="3" t="s">
        <v>2826</v>
      </c>
    </row>
    <row r="125" spans="1:8" x14ac:dyDescent="0.2">
      <c r="A125" s="4" t="s">
        <v>399</v>
      </c>
      <c r="B125" s="6" t="s">
        <v>2827</v>
      </c>
      <c r="C125" s="2" t="s">
        <v>2828</v>
      </c>
    </row>
    <row r="126" spans="1:8" x14ac:dyDescent="0.2">
      <c r="A126" s="4" t="s">
        <v>408</v>
      </c>
      <c r="B126" s="6" t="s">
        <v>2829</v>
      </c>
      <c r="C126" s="2" t="s">
        <v>2830</v>
      </c>
    </row>
    <row r="128" spans="1:8" x14ac:dyDescent="0.2">
      <c r="A128" s="8" t="s">
        <v>6</v>
      </c>
      <c r="B128" s="8" t="s">
        <v>2831</v>
      </c>
      <c r="C128" s="8" t="s">
        <v>619</v>
      </c>
      <c r="D128" s="8" t="s">
        <v>2713</v>
      </c>
      <c r="E128" s="8" t="s">
        <v>307</v>
      </c>
      <c r="F128" s="8" t="s">
        <v>7</v>
      </c>
      <c r="G128" s="8" t="s">
        <v>311</v>
      </c>
      <c r="H128" s="8" t="s">
        <v>311</v>
      </c>
    </row>
    <row r="129" spans="1:8" ht="21" x14ac:dyDescent="0.2">
      <c r="A129" s="8" t="s">
        <v>7</v>
      </c>
      <c r="B129" s="8" t="s">
        <v>7</v>
      </c>
      <c r="C129" s="8" t="s">
        <v>7</v>
      </c>
      <c r="D129" s="8" t="s">
        <v>7</v>
      </c>
      <c r="E129" s="1" t="s">
        <v>2714</v>
      </c>
      <c r="F129" s="1" t="s">
        <v>2715</v>
      </c>
      <c r="G129" s="1" t="s">
        <v>2832</v>
      </c>
      <c r="H129" s="1" t="s">
        <v>2717</v>
      </c>
    </row>
    <row r="130" spans="1:8" x14ac:dyDescent="0.2">
      <c r="A130" s="4" t="s">
        <v>412</v>
      </c>
      <c r="B130" s="6" t="s">
        <v>2833</v>
      </c>
      <c r="C130" s="2" t="s">
        <v>49</v>
      </c>
      <c r="D130" s="2" t="s">
        <v>49</v>
      </c>
      <c r="E130" s="2" t="s">
        <v>49</v>
      </c>
      <c r="F130" s="2" t="s">
        <v>49</v>
      </c>
      <c r="G130" s="2" t="s">
        <v>49</v>
      </c>
      <c r="H130" s="2" t="s">
        <v>49</v>
      </c>
    </row>
    <row r="131" spans="1:8" x14ac:dyDescent="0.2">
      <c r="A131" s="4" t="s">
        <v>421</v>
      </c>
      <c r="B131" s="6" t="s">
        <v>2834</v>
      </c>
      <c r="C131" s="2" t="s">
        <v>2835</v>
      </c>
      <c r="D131" s="2" t="s">
        <v>2835</v>
      </c>
      <c r="E131" s="2" t="s">
        <v>2836</v>
      </c>
      <c r="F131" s="2" t="s">
        <v>2837</v>
      </c>
      <c r="G131" s="2" t="s">
        <v>2838</v>
      </c>
      <c r="H131" s="2" t="s">
        <v>2839</v>
      </c>
    </row>
    <row r="132" spans="1:8" x14ac:dyDescent="0.2">
      <c r="A132" s="4" t="s">
        <v>428</v>
      </c>
      <c r="B132" s="6" t="s">
        <v>2840</v>
      </c>
      <c r="C132" s="2" t="s">
        <v>49</v>
      </c>
      <c r="D132" s="2" t="s">
        <v>49</v>
      </c>
      <c r="E132" s="2" t="s">
        <v>49</v>
      </c>
      <c r="F132" s="2" t="s">
        <v>49</v>
      </c>
      <c r="G132" s="2" t="s">
        <v>49</v>
      </c>
      <c r="H132" s="2" t="s">
        <v>49</v>
      </c>
    </row>
    <row r="133" spans="1:8" x14ac:dyDescent="0.2">
      <c r="A133" s="4" t="s">
        <v>430</v>
      </c>
      <c r="B133" s="6" t="s">
        <v>2841</v>
      </c>
      <c r="C133" s="2" t="s">
        <v>2842</v>
      </c>
      <c r="D133" s="2" t="s">
        <v>2842</v>
      </c>
      <c r="E133" s="2" t="s">
        <v>2843</v>
      </c>
      <c r="F133" s="2" t="s">
        <v>2844</v>
      </c>
      <c r="G133" s="2" t="s">
        <v>2845</v>
      </c>
      <c r="H133" s="2" t="s">
        <v>2846</v>
      </c>
    </row>
    <row r="134" spans="1:8" x14ac:dyDescent="0.2">
      <c r="A134" s="5" t="s">
        <v>432</v>
      </c>
      <c r="B134" s="7" t="s">
        <v>2847</v>
      </c>
      <c r="C134" s="3" t="s">
        <v>2848</v>
      </c>
      <c r="D134" s="3" t="s">
        <v>2848</v>
      </c>
      <c r="E134" s="3" t="s">
        <v>2849</v>
      </c>
      <c r="F134" s="3" t="s">
        <v>2850</v>
      </c>
      <c r="G134" s="3" t="s">
        <v>2851</v>
      </c>
      <c r="H134" s="3" t="s">
        <v>787</v>
      </c>
    </row>
    <row r="135" spans="1:8" x14ac:dyDescent="0.2">
      <c r="A135" s="4" t="s">
        <v>434</v>
      </c>
      <c r="B135" s="6" t="s">
        <v>2852</v>
      </c>
      <c r="C135" s="2" t="s">
        <v>2853</v>
      </c>
      <c r="D135" s="2" t="s">
        <v>2854</v>
      </c>
      <c r="E135" s="2" t="s">
        <v>2855</v>
      </c>
      <c r="F135" s="2" t="s">
        <v>2856</v>
      </c>
      <c r="G135" s="2" t="s">
        <v>2857</v>
      </c>
      <c r="H135" s="2" t="s">
        <v>2858</v>
      </c>
    </row>
    <row r="137" spans="1:8" x14ac:dyDescent="0.2">
      <c r="A137" s="8" t="s">
        <v>6</v>
      </c>
      <c r="B137" s="8" t="s">
        <v>2859</v>
      </c>
      <c r="C137" s="8" t="s">
        <v>2860</v>
      </c>
      <c r="D137" s="8" t="s">
        <v>2861</v>
      </c>
    </row>
    <row r="138" spans="1:8" x14ac:dyDescent="0.2">
      <c r="A138" s="8" t="s">
        <v>7</v>
      </c>
      <c r="B138" s="8" t="s">
        <v>7</v>
      </c>
      <c r="C138" s="8" t="s">
        <v>7</v>
      </c>
      <c r="D138" s="8" t="s">
        <v>7</v>
      </c>
    </row>
    <row r="139" spans="1:8" x14ac:dyDescent="0.2">
      <c r="A139" s="5" t="s">
        <v>436</v>
      </c>
      <c r="B139" s="7" t="s">
        <v>2862</v>
      </c>
      <c r="C139" s="3" t="s">
        <v>2863</v>
      </c>
      <c r="D139" s="3" t="s">
        <v>2824</v>
      </c>
    </row>
    <row r="140" spans="1:8" x14ac:dyDescent="0.2">
      <c r="A140" s="4" t="s">
        <v>438</v>
      </c>
      <c r="B140" s="6" t="s">
        <v>2864</v>
      </c>
      <c r="C140" s="2" t="s">
        <v>2865</v>
      </c>
      <c r="D140" s="2" t="s">
        <v>2866</v>
      </c>
    </row>
    <row r="141" spans="1:8" x14ac:dyDescent="0.2">
      <c r="A141" s="4" t="s">
        <v>439</v>
      </c>
      <c r="B141" s="6" t="s">
        <v>2867</v>
      </c>
      <c r="C141" s="2" t="s">
        <v>2868</v>
      </c>
      <c r="D141" s="2" t="s">
        <v>2869</v>
      </c>
    </row>
    <row r="143" spans="1:8" x14ac:dyDescent="0.2">
      <c r="A143" s="8" t="s">
        <v>6</v>
      </c>
      <c r="B143" s="8" t="s">
        <v>2870</v>
      </c>
      <c r="C143" s="8" t="s">
        <v>2871</v>
      </c>
      <c r="D143" s="8" t="s">
        <v>2872</v>
      </c>
    </row>
    <row r="144" spans="1:8" x14ac:dyDescent="0.2">
      <c r="A144" s="8" t="s">
        <v>7</v>
      </c>
      <c r="B144" s="8" t="s">
        <v>7</v>
      </c>
      <c r="C144" s="8" t="s">
        <v>7</v>
      </c>
      <c r="D144" s="8" t="s">
        <v>7</v>
      </c>
    </row>
    <row r="145" spans="1:4" x14ac:dyDescent="0.2">
      <c r="A145" s="4" t="s">
        <v>440</v>
      </c>
      <c r="B145" s="6" t="s">
        <v>2873</v>
      </c>
      <c r="C145" s="2" t="s">
        <v>2874</v>
      </c>
      <c r="D145" s="2" t="s">
        <v>2875</v>
      </c>
    </row>
    <row r="146" spans="1:4" x14ac:dyDescent="0.2">
      <c r="A146" s="4" t="s">
        <v>442</v>
      </c>
      <c r="B146" s="6" t="s">
        <v>2876</v>
      </c>
      <c r="C146" s="2" t="s">
        <v>2701</v>
      </c>
      <c r="D146" s="2" t="s">
        <v>2877</v>
      </c>
    </row>
    <row r="147" spans="1:4" x14ac:dyDescent="0.2">
      <c r="A147" s="5" t="s">
        <v>444</v>
      </c>
      <c r="B147" s="7" t="s">
        <v>2878</v>
      </c>
      <c r="C147" s="3" t="s">
        <v>2879</v>
      </c>
      <c r="D147" s="3" t="s">
        <v>2880</v>
      </c>
    </row>
    <row r="148" spans="1:4" x14ac:dyDescent="0.2">
      <c r="A148" s="4" t="s">
        <v>446</v>
      </c>
      <c r="B148" s="6" t="s">
        <v>2881</v>
      </c>
      <c r="C148" s="2" t="s">
        <v>2882</v>
      </c>
      <c r="D148" s="2" t="s">
        <v>2883</v>
      </c>
    </row>
    <row r="149" spans="1:4" x14ac:dyDescent="0.2">
      <c r="A149" s="4" t="s">
        <v>449</v>
      </c>
      <c r="B149" s="6" t="s">
        <v>2884</v>
      </c>
      <c r="C149" s="2" t="s">
        <v>2885</v>
      </c>
      <c r="D149" s="2" t="s">
        <v>2886</v>
      </c>
    </row>
    <row r="150" spans="1:4" x14ac:dyDescent="0.2">
      <c r="A150" s="4" t="s">
        <v>451</v>
      </c>
      <c r="B150" s="6" t="s">
        <v>2887</v>
      </c>
      <c r="C150" s="2" t="s">
        <v>2705</v>
      </c>
      <c r="D150" s="2" t="s">
        <v>2888</v>
      </c>
    </row>
    <row r="151" spans="1:4" x14ac:dyDescent="0.2">
      <c r="A151" s="5" t="s">
        <v>453</v>
      </c>
      <c r="B151" s="7" t="s">
        <v>2889</v>
      </c>
      <c r="C151" s="3" t="s">
        <v>2890</v>
      </c>
      <c r="D151" s="3" t="s">
        <v>2891</v>
      </c>
    </row>
    <row r="152" spans="1:4" x14ac:dyDescent="0.2">
      <c r="A152" s="5" t="s">
        <v>455</v>
      </c>
      <c r="B152" s="7" t="s">
        <v>2892</v>
      </c>
      <c r="C152" s="3" t="s">
        <v>49</v>
      </c>
      <c r="D152" s="3" t="s">
        <v>49</v>
      </c>
    </row>
    <row r="153" spans="1:4" x14ac:dyDescent="0.2">
      <c r="A153" s="4" t="s">
        <v>457</v>
      </c>
      <c r="B153" s="6" t="s">
        <v>2893</v>
      </c>
      <c r="C153" s="2" t="s">
        <v>49</v>
      </c>
      <c r="D153" s="2" t="s">
        <v>49</v>
      </c>
    </row>
    <row r="154" spans="1:4" x14ac:dyDescent="0.2">
      <c r="A154" s="4" t="s">
        <v>459</v>
      </c>
      <c r="B154" s="6" t="s">
        <v>2894</v>
      </c>
      <c r="C154" s="2" t="s">
        <v>49</v>
      </c>
      <c r="D154" s="2" t="s">
        <v>49</v>
      </c>
    </row>
    <row r="155" spans="1:4" x14ac:dyDescent="0.2">
      <c r="A155" s="4" t="s">
        <v>461</v>
      </c>
      <c r="B155" s="6" t="s">
        <v>2895</v>
      </c>
      <c r="C155" s="2" t="s">
        <v>2890</v>
      </c>
      <c r="D155" s="2" t="s">
        <v>2891</v>
      </c>
    </row>
  </sheetData>
  <mergeCells count="59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5:A36"/>
    <mergeCell ref="B35:B36"/>
    <mergeCell ref="C35:C36"/>
    <mergeCell ref="D35:D36"/>
    <mergeCell ref="E35:F35"/>
    <mergeCell ref="A52:A53"/>
    <mergeCell ref="B52:B53"/>
    <mergeCell ref="C52:C53"/>
    <mergeCell ref="D52:D53"/>
    <mergeCell ref="E52:F52"/>
    <mergeCell ref="A67:A68"/>
    <mergeCell ref="B67:B68"/>
    <mergeCell ref="C67:C68"/>
    <mergeCell ref="D67:D68"/>
    <mergeCell ref="E67:F67"/>
    <mergeCell ref="G67:H67"/>
    <mergeCell ref="A77:A78"/>
    <mergeCell ref="B77:B78"/>
    <mergeCell ref="C77:C78"/>
    <mergeCell ref="A87:A88"/>
    <mergeCell ref="B87:B88"/>
    <mergeCell ref="C87:C88"/>
    <mergeCell ref="A94:A95"/>
    <mergeCell ref="B94:B95"/>
    <mergeCell ref="C94:C95"/>
    <mergeCell ref="A99:A100"/>
    <mergeCell ref="B99:B100"/>
    <mergeCell ref="C99:C100"/>
    <mergeCell ref="D99:D100"/>
    <mergeCell ref="E99:F99"/>
    <mergeCell ref="G99:H99"/>
    <mergeCell ref="A115:A116"/>
    <mergeCell ref="B115:B116"/>
    <mergeCell ref="C115:C116"/>
    <mergeCell ref="A128:A129"/>
    <mergeCell ref="B128:B129"/>
    <mergeCell ref="C128:C129"/>
    <mergeCell ref="D128:D129"/>
    <mergeCell ref="E128:F128"/>
    <mergeCell ref="G128:H128"/>
    <mergeCell ref="A137:A138"/>
    <mergeCell ref="B137:B138"/>
    <mergeCell ref="C137:C138"/>
    <mergeCell ref="D137:D138"/>
    <mergeCell ref="A143:A144"/>
    <mergeCell ref="B143:B144"/>
    <mergeCell ref="C143:C144"/>
    <mergeCell ref="D143:D144"/>
  </mergeCells>
  <pageMargins left="0.78740157499999996" right="0.78740157499999996" top="0.984251969" bottom="0.984251969" header="0.5" footer="0.5"/>
  <pageSetup orientation="portrait" horizontalDpi="300" verticalDpi="300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19"/>
  <sheetViews>
    <sheetView showGridLines="0" topLeftCell="B1" zoomScale="77" zoomScaleNormal="77" workbookViewId="0"/>
  </sheetViews>
  <sheetFormatPr defaultRowHeight="12.75" x14ac:dyDescent="0.2"/>
  <cols>
    <col min="1" max="1" width="3.28515625" customWidth="1"/>
    <col min="2" max="2" width="116.140625" customWidth="1"/>
    <col min="3" max="3" width="17" customWidth="1"/>
    <col min="4" max="4" width="23.140625" customWidth="1"/>
    <col min="5" max="5" width="26.5703125" customWidth="1"/>
    <col min="6" max="6" width="18.140625" customWidth="1"/>
    <col min="7" max="7" width="17.7109375" customWidth="1"/>
    <col min="8" max="8" width="16.85546875" customWidth="1"/>
  </cols>
  <sheetData>
    <row r="3" spans="1:8" x14ac:dyDescent="0.2">
      <c r="A3" s="9" t="s">
        <v>0</v>
      </c>
      <c r="B3" s="10"/>
      <c r="C3" s="10"/>
      <c r="D3" s="10"/>
      <c r="E3" s="10"/>
      <c r="F3" s="10"/>
      <c r="G3" s="10"/>
      <c r="H3" s="10"/>
    </row>
    <row r="4" spans="1:8" x14ac:dyDescent="0.2">
      <c r="A4" s="9" t="s">
        <v>1</v>
      </c>
      <c r="B4" s="10"/>
      <c r="C4" s="10"/>
      <c r="D4" s="10"/>
      <c r="E4" s="10"/>
      <c r="F4" s="10"/>
      <c r="G4" s="10"/>
      <c r="H4" s="10"/>
    </row>
    <row r="5" spans="1:8" x14ac:dyDescent="0.2">
      <c r="A5" s="9" t="s">
        <v>2896</v>
      </c>
      <c r="B5" s="10"/>
      <c r="C5" s="10"/>
      <c r="D5" s="10"/>
      <c r="E5" s="10"/>
      <c r="F5" s="10"/>
      <c r="G5" s="10"/>
      <c r="H5" s="10"/>
    </row>
    <row r="6" spans="1:8" x14ac:dyDescent="0.2">
      <c r="A6" s="9" t="s">
        <v>3</v>
      </c>
      <c r="B6" s="10"/>
      <c r="C6" s="10"/>
      <c r="D6" s="10"/>
      <c r="E6" s="10"/>
      <c r="F6" s="10"/>
      <c r="G6" s="10"/>
      <c r="H6" s="10"/>
    </row>
    <row r="7" spans="1:8" x14ac:dyDescent="0.2">
      <c r="A7" s="9" t="s">
        <v>4</v>
      </c>
      <c r="B7" s="10"/>
      <c r="C7" s="10"/>
      <c r="D7" s="10"/>
      <c r="E7" s="10"/>
      <c r="F7" s="10"/>
      <c r="G7" s="10"/>
      <c r="H7" s="10"/>
    </row>
    <row r="9" spans="1:8" x14ac:dyDescent="0.2">
      <c r="A9" s="11" t="s">
        <v>2897</v>
      </c>
      <c r="B9" s="10"/>
      <c r="C9" s="10"/>
      <c r="D9" s="10"/>
      <c r="E9" s="10"/>
      <c r="F9" s="10"/>
      <c r="G9" s="10"/>
      <c r="H9" s="10"/>
    </row>
    <row r="10" spans="1:8" x14ac:dyDescent="0.2">
      <c r="A10" s="8" t="s">
        <v>6</v>
      </c>
      <c r="B10" s="8" t="s">
        <v>2898</v>
      </c>
      <c r="C10" s="8" t="s">
        <v>9</v>
      </c>
      <c r="D10" s="8" t="s">
        <v>10</v>
      </c>
      <c r="E10" s="8" t="s">
        <v>11</v>
      </c>
      <c r="F10" s="8" t="s">
        <v>11</v>
      </c>
    </row>
    <row r="11" spans="1:8" x14ac:dyDescent="0.2">
      <c r="A11" s="8" t="s">
        <v>7</v>
      </c>
      <c r="B11" s="8" t="s">
        <v>7</v>
      </c>
      <c r="C11" s="8" t="s">
        <v>7</v>
      </c>
      <c r="D11" s="8" t="s">
        <v>7</v>
      </c>
      <c r="E11" s="1" t="s">
        <v>621</v>
      </c>
      <c r="F11" s="1" t="s">
        <v>2899</v>
      </c>
    </row>
    <row r="12" spans="1:8" x14ac:dyDescent="0.2">
      <c r="A12" s="5" t="s">
        <v>17</v>
      </c>
      <c r="B12" s="7" t="s">
        <v>2900</v>
      </c>
      <c r="C12" s="3" t="s">
        <v>2562</v>
      </c>
      <c r="D12" s="3" t="s">
        <v>2562</v>
      </c>
      <c r="E12" s="3" t="s">
        <v>2563</v>
      </c>
      <c r="F12" s="3" t="s">
        <v>2564</v>
      </c>
    </row>
    <row r="13" spans="1:8" x14ac:dyDescent="0.2">
      <c r="A13" s="4" t="s">
        <v>23</v>
      </c>
      <c r="B13" s="6" t="s">
        <v>2901</v>
      </c>
      <c r="C13" s="2" t="s">
        <v>1661</v>
      </c>
      <c r="D13" s="2" t="s">
        <v>1661</v>
      </c>
      <c r="E13" s="2" t="s">
        <v>2585</v>
      </c>
      <c r="F13" s="2" t="s">
        <v>2586</v>
      </c>
    </row>
    <row r="14" spans="1:8" x14ac:dyDescent="0.2">
      <c r="A14" s="4" t="s">
        <v>29</v>
      </c>
      <c r="B14" s="6" t="s">
        <v>2902</v>
      </c>
      <c r="C14" s="2" t="s">
        <v>2903</v>
      </c>
      <c r="D14" s="2" t="s">
        <v>2903</v>
      </c>
      <c r="E14" s="2" t="s">
        <v>2904</v>
      </c>
      <c r="F14" s="2" t="s">
        <v>2905</v>
      </c>
    </row>
    <row r="15" spans="1:8" x14ac:dyDescent="0.2">
      <c r="A15" s="4" t="s">
        <v>35</v>
      </c>
      <c r="B15" s="6" t="s">
        <v>2906</v>
      </c>
      <c r="C15" s="2" t="s">
        <v>1646</v>
      </c>
      <c r="D15" s="2" t="s">
        <v>1646</v>
      </c>
      <c r="E15" s="2" t="s">
        <v>2596</v>
      </c>
      <c r="F15" s="2" t="s">
        <v>2597</v>
      </c>
    </row>
    <row r="16" spans="1:8" x14ac:dyDescent="0.2">
      <c r="A16" s="4" t="s">
        <v>41</v>
      </c>
      <c r="B16" s="6" t="s">
        <v>2907</v>
      </c>
      <c r="C16" s="2" t="s">
        <v>1676</v>
      </c>
      <c r="D16" s="2" t="s">
        <v>1676</v>
      </c>
      <c r="E16" s="2" t="s">
        <v>2269</v>
      </c>
      <c r="F16" s="2" t="s">
        <v>2603</v>
      </c>
    </row>
    <row r="17" spans="1:6" x14ac:dyDescent="0.2">
      <c r="A17" s="4" t="s">
        <v>47</v>
      </c>
      <c r="B17" s="6" t="s">
        <v>2908</v>
      </c>
      <c r="C17" s="2" t="s">
        <v>2909</v>
      </c>
      <c r="D17" s="2" t="s">
        <v>2909</v>
      </c>
      <c r="E17" s="2" t="s">
        <v>2910</v>
      </c>
      <c r="F17" s="2" t="s">
        <v>2911</v>
      </c>
    </row>
    <row r="18" spans="1:6" x14ac:dyDescent="0.2">
      <c r="A18" s="4" t="s">
        <v>50</v>
      </c>
      <c r="B18" s="6" t="s">
        <v>2912</v>
      </c>
      <c r="C18" s="2" t="s">
        <v>2913</v>
      </c>
      <c r="D18" s="2" t="s">
        <v>2913</v>
      </c>
      <c r="E18" s="2" t="s">
        <v>2914</v>
      </c>
      <c r="F18" s="2" t="s">
        <v>2915</v>
      </c>
    </row>
    <row r="19" spans="1:6" x14ac:dyDescent="0.2">
      <c r="A19" s="4" t="s">
        <v>56</v>
      </c>
      <c r="B19" s="6" t="s">
        <v>2916</v>
      </c>
      <c r="C19" s="2" t="s">
        <v>49</v>
      </c>
      <c r="D19" s="2" t="s">
        <v>49</v>
      </c>
      <c r="E19" s="2" t="s">
        <v>49</v>
      </c>
      <c r="F19" s="2" t="s">
        <v>49</v>
      </c>
    </row>
    <row r="20" spans="1:6" x14ac:dyDescent="0.2">
      <c r="A20" s="5" t="s">
        <v>58</v>
      </c>
      <c r="B20" s="7" t="s">
        <v>2917</v>
      </c>
      <c r="C20" s="3" t="s">
        <v>2605</v>
      </c>
      <c r="D20" s="3" t="s">
        <v>2605</v>
      </c>
      <c r="E20" s="3" t="s">
        <v>2606</v>
      </c>
      <c r="F20" s="3" t="s">
        <v>2918</v>
      </c>
    </row>
    <row r="21" spans="1:6" x14ac:dyDescent="0.2">
      <c r="A21" s="4" t="s">
        <v>60</v>
      </c>
      <c r="B21" s="6" t="s">
        <v>2919</v>
      </c>
      <c r="C21" s="2" t="s">
        <v>1759</v>
      </c>
      <c r="D21" s="2" t="s">
        <v>1759</v>
      </c>
      <c r="E21" s="2" t="s">
        <v>2609</v>
      </c>
      <c r="F21" s="2" t="s">
        <v>2610</v>
      </c>
    </row>
    <row r="22" spans="1:6" x14ac:dyDescent="0.2">
      <c r="A22" s="4" t="s">
        <v>62</v>
      </c>
      <c r="B22" s="6" t="s">
        <v>2920</v>
      </c>
      <c r="C22" s="2" t="s">
        <v>1778</v>
      </c>
      <c r="D22" s="2" t="s">
        <v>1778</v>
      </c>
      <c r="E22" s="2" t="s">
        <v>2615</v>
      </c>
      <c r="F22" s="2" t="s">
        <v>2616</v>
      </c>
    </row>
    <row r="23" spans="1:6" x14ac:dyDescent="0.2">
      <c r="A23" s="5" t="s">
        <v>68</v>
      </c>
      <c r="B23" s="7" t="s">
        <v>2921</v>
      </c>
      <c r="C23" s="3" t="s">
        <v>1763</v>
      </c>
      <c r="D23" s="3" t="s">
        <v>1763</v>
      </c>
      <c r="E23" s="3" t="s">
        <v>2612</v>
      </c>
      <c r="F23" s="3" t="s">
        <v>2613</v>
      </c>
    </row>
    <row r="24" spans="1:6" x14ac:dyDescent="0.2">
      <c r="A24" s="4" t="s">
        <v>74</v>
      </c>
      <c r="B24" s="6" t="s">
        <v>2922</v>
      </c>
      <c r="C24" s="2" t="s">
        <v>1763</v>
      </c>
      <c r="D24" s="2" t="s">
        <v>1763</v>
      </c>
      <c r="E24" s="2" t="s">
        <v>2612</v>
      </c>
      <c r="F24" s="2" t="s">
        <v>2613</v>
      </c>
    </row>
    <row r="25" spans="1:6" x14ac:dyDescent="0.2">
      <c r="A25" s="4" t="s">
        <v>80</v>
      </c>
      <c r="B25" s="6" t="s">
        <v>2923</v>
      </c>
      <c r="C25" s="2" t="s">
        <v>49</v>
      </c>
      <c r="D25" s="2" t="s">
        <v>49</v>
      </c>
      <c r="E25" s="2" t="s">
        <v>49</v>
      </c>
      <c r="F25" s="2" t="s">
        <v>49</v>
      </c>
    </row>
    <row r="26" spans="1:6" x14ac:dyDescent="0.2">
      <c r="A26" s="5" t="s">
        <v>86</v>
      </c>
      <c r="B26" s="7" t="s">
        <v>2924</v>
      </c>
      <c r="C26" s="3" t="s">
        <v>2925</v>
      </c>
      <c r="D26" s="3" t="s">
        <v>2925</v>
      </c>
      <c r="E26" s="3" t="s">
        <v>2926</v>
      </c>
      <c r="F26" s="3" t="s">
        <v>2927</v>
      </c>
    </row>
    <row r="27" spans="1:6" x14ac:dyDescent="0.2">
      <c r="A27" s="4" t="s">
        <v>92</v>
      </c>
      <c r="B27" s="6" t="s">
        <v>2928</v>
      </c>
      <c r="C27" s="2" t="s">
        <v>2929</v>
      </c>
      <c r="D27" s="2" t="s">
        <v>2929</v>
      </c>
      <c r="E27" s="2" t="s">
        <v>2930</v>
      </c>
      <c r="F27" s="2" t="s">
        <v>2568</v>
      </c>
    </row>
    <row r="28" spans="1:6" x14ac:dyDescent="0.2">
      <c r="A28" s="4" t="s">
        <v>94</v>
      </c>
      <c r="B28" s="6" t="s">
        <v>2931</v>
      </c>
      <c r="C28" s="2" t="s">
        <v>2628</v>
      </c>
      <c r="D28" s="2" t="s">
        <v>2628</v>
      </c>
      <c r="E28" s="2" t="s">
        <v>2630</v>
      </c>
      <c r="F28" s="2" t="s">
        <v>2594</v>
      </c>
    </row>
    <row r="29" spans="1:6" x14ac:dyDescent="0.2">
      <c r="A29" s="4" t="s">
        <v>100</v>
      </c>
      <c r="B29" s="6" t="s">
        <v>2932</v>
      </c>
      <c r="C29" s="2" t="s">
        <v>2633</v>
      </c>
      <c r="D29" s="2" t="s">
        <v>2633</v>
      </c>
      <c r="E29" s="2" t="s">
        <v>2634</v>
      </c>
      <c r="F29" s="2" t="s">
        <v>2616</v>
      </c>
    </row>
    <row r="30" spans="1:6" x14ac:dyDescent="0.2">
      <c r="A30" s="5" t="s">
        <v>102</v>
      </c>
      <c r="B30" s="7" t="s">
        <v>2933</v>
      </c>
      <c r="C30" s="3" t="s">
        <v>2934</v>
      </c>
      <c r="D30" s="3" t="s">
        <v>2934</v>
      </c>
      <c r="E30" s="3" t="s">
        <v>2935</v>
      </c>
      <c r="F30" s="3" t="s">
        <v>2936</v>
      </c>
    </row>
    <row r="32" spans="1:6" x14ac:dyDescent="0.2">
      <c r="A32" s="8" t="s">
        <v>6</v>
      </c>
      <c r="B32" s="8" t="s">
        <v>2937</v>
      </c>
      <c r="C32" s="8" t="s">
        <v>9</v>
      </c>
      <c r="D32" s="8" t="s">
        <v>2938</v>
      </c>
      <c r="E32" s="8" t="s">
        <v>11</v>
      </c>
      <c r="F32" s="8" t="s">
        <v>11</v>
      </c>
    </row>
    <row r="33" spans="1:8" x14ac:dyDescent="0.2">
      <c r="A33" s="8" t="s">
        <v>7</v>
      </c>
      <c r="B33" s="8" t="s">
        <v>7</v>
      </c>
      <c r="C33" s="8" t="s">
        <v>7</v>
      </c>
      <c r="D33" s="8" t="s">
        <v>7</v>
      </c>
      <c r="E33" s="1" t="s">
        <v>624</v>
      </c>
      <c r="F33" s="1" t="s">
        <v>2939</v>
      </c>
    </row>
    <row r="34" spans="1:8" x14ac:dyDescent="0.2">
      <c r="A34" s="5" t="s">
        <v>104</v>
      </c>
      <c r="B34" s="7" t="s">
        <v>2940</v>
      </c>
      <c r="C34" s="3" t="s">
        <v>2941</v>
      </c>
      <c r="D34" s="3" t="s">
        <v>2941</v>
      </c>
      <c r="E34" s="3" t="s">
        <v>2942</v>
      </c>
      <c r="F34" s="3" t="s">
        <v>2943</v>
      </c>
    </row>
    <row r="35" spans="1:8" x14ac:dyDescent="0.2">
      <c r="A35" s="4" t="s">
        <v>106</v>
      </c>
      <c r="B35" s="6" t="s">
        <v>2944</v>
      </c>
      <c r="C35" s="2" t="s">
        <v>2945</v>
      </c>
      <c r="D35" s="2" t="s">
        <v>2945</v>
      </c>
      <c r="E35" s="2" t="s">
        <v>2946</v>
      </c>
      <c r="F35" s="2" t="s">
        <v>2947</v>
      </c>
    </row>
    <row r="36" spans="1:8" x14ac:dyDescent="0.2">
      <c r="A36" s="4" t="s">
        <v>108</v>
      </c>
      <c r="B36" s="6" t="s">
        <v>2948</v>
      </c>
      <c r="C36" s="2" t="s">
        <v>49</v>
      </c>
      <c r="D36" s="2" t="s">
        <v>49</v>
      </c>
      <c r="E36" s="2" t="s">
        <v>49</v>
      </c>
      <c r="F36" s="2" t="s">
        <v>49</v>
      </c>
    </row>
    <row r="37" spans="1:8" x14ac:dyDescent="0.2">
      <c r="A37" s="4" t="s">
        <v>110</v>
      </c>
      <c r="B37" s="6" t="s">
        <v>2949</v>
      </c>
      <c r="C37" s="2" t="s">
        <v>49</v>
      </c>
      <c r="D37" s="2" t="s">
        <v>49</v>
      </c>
      <c r="E37" s="2" t="s">
        <v>49</v>
      </c>
      <c r="F37" s="2" t="s">
        <v>49</v>
      </c>
    </row>
    <row r="38" spans="1:8" x14ac:dyDescent="0.2">
      <c r="A38" s="4" t="s">
        <v>112</v>
      </c>
      <c r="B38" s="6" t="s">
        <v>2950</v>
      </c>
      <c r="C38" s="2" t="s">
        <v>2951</v>
      </c>
      <c r="D38" s="2" t="s">
        <v>2951</v>
      </c>
      <c r="E38" s="2" t="s">
        <v>2952</v>
      </c>
      <c r="F38" s="2" t="s">
        <v>2918</v>
      </c>
    </row>
    <row r="39" spans="1:8" x14ac:dyDescent="0.2">
      <c r="A39" s="4" t="s">
        <v>114</v>
      </c>
      <c r="B39" s="6" t="s">
        <v>2953</v>
      </c>
      <c r="C39" s="2" t="s">
        <v>2954</v>
      </c>
      <c r="D39" s="2" t="s">
        <v>2954</v>
      </c>
      <c r="E39" s="2" t="s">
        <v>49</v>
      </c>
      <c r="F39" s="2" t="s">
        <v>49</v>
      </c>
    </row>
    <row r="40" spans="1:8" x14ac:dyDescent="0.2">
      <c r="A40" s="4" t="s">
        <v>116</v>
      </c>
      <c r="B40" s="6" t="s">
        <v>2955</v>
      </c>
      <c r="C40" s="2" t="s">
        <v>49</v>
      </c>
      <c r="D40" s="2" t="s">
        <v>49</v>
      </c>
      <c r="E40" s="2" t="s">
        <v>49</v>
      </c>
      <c r="F40" s="2" t="s">
        <v>49</v>
      </c>
    </row>
    <row r="41" spans="1:8" x14ac:dyDescent="0.2">
      <c r="A41" s="4" t="s">
        <v>118</v>
      </c>
      <c r="B41" s="6" t="s">
        <v>2956</v>
      </c>
      <c r="C41" s="2" t="s">
        <v>49</v>
      </c>
      <c r="D41" s="2" t="s">
        <v>49</v>
      </c>
      <c r="E41" s="2" t="s">
        <v>49</v>
      </c>
      <c r="F41" s="2" t="s">
        <v>49</v>
      </c>
    </row>
    <row r="42" spans="1:8" x14ac:dyDescent="0.2">
      <c r="A42" s="5" t="s">
        <v>120</v>
      </c>
      <c r="B42" s="7" t="s">
        <v>2957</v>
      </c>
      <c r="C42" s="3" t="s">
        <v>2958</v>
      </c>
      <c r="D42" s="3" t="s">
        <v>2958</v>
      </c>
      <c r="E42" s="3" t="s">
        <v>2942</v>
      </c>
      <c r="F42" s="3" t="s">
        <v>2959</v>
      </c>
    </row>
    <row r="44" spans="1:8" x14ac:dyDescent="0.2">
      <c r="A44" s="8" t="s">
        <v>6</v>
      </c>
      <c r="B44" s="8" t="s">
        <v>2960</v>
      </c>
      <c r="C44" s="8" t="s">
        <v>619</v>
      </c>
      <c r="D44" s="8" t="s">
        <v>306</v>
      </c>
      <c r="E44" s="8" t="s">
        <v>307</v>
      </c>
      <c r="F44" s="8" t="s">
        <v>7</v>
      </c>
      <c r="G44" s="8" t="s">
        <v>311</v>
      </c>
      <c r="H44" s="8" t="s">
        <v>311</v>
      </c>
    </row>
    <row r="45" spans="1:8" ht="21" x14ac:dyDescent="0.2">
      <c r="A45" s="8" t="s">
        <v>7</v>
      </c>
      <c r="B45" s="8" t="s">
        <v>7</v>
      </c>
      <c r="C45" s="8" t="s">
        <v>7</v>
      </c>
      <c r="D45" s="8" t="s">
        <v>7</v>
      </c>
      <c r="E45" s="1" t="s">
        <v>309</v>
      </c>
      <c r="F45" s="1" t="s">
        <v>2961</v>
      </c>
      <c r="G45" s="1" t="s">
        <v>2716</v>
      </c>
      <c r="H45" s="1" t="s">
        <v>2962</v>
      </c>
    </row>
    <row r="46" spans="1:8" x14ac:dyDescent="0.2">
      <c r="A46" s="5" t="s">
        <v>125</v>
      </c>
      <c r="B46" s="7" t="s">
        <v>587</v>
      </c>
      <c r="C46" s="3" t="s">
        <v>2963</v>
      </c>
      <c r="D46" s="3" t="s">
        <v>2964</v>
      </c>
      <c r="E46" s="3" t="s">
        <v>2965</v>
      </c>
      <c r="F46" s="3" t="s">
        <v>2966</v>
      </c>
      <c r="G46" s="3" t="s">
        <v>2967</v>
      </c>
      <c r="H46" s="3" t="s">
        <v>2968</v>
      </c>
    </row>
    <row r="47" spans="1:8" x14ac:dyDescent="0.2">
      <c r="A47" s="4" t="s">
        <v>131</v>
      </c>
      <c r="B47" s="6" t="s">
        <v>2969</v>
      </c>
      <c r="C47" s="2" t="s">
        <v>2970</v>
      </c>
      <c r="D47" s="2" t="s">
        <v>2971</v>
      </c>
      <c r="E47" s="2" t="s">
        <v>2972</v>
      </c>
      <c r="F47" s="2" t="s">
        <v>2973</v>
      </c>
      <c r="G47" s="2" t="s">
        <v>2974</v>
      </c>
      <c r="H47" s="2" t="s">
        <v>2975</v>
      </c>
    </row>
    <row r="48" spans="1:8" x14ac:dyDescent="0.2">
      <c r="A48" s="4" t="s">
        <v>137</v>
      </c>
      <c r="B48" s="6" t="s">
        <v>2976</v>
      </c>
      <c r="C48" s="2" t="s">
        <v>1255</v>
      </c>
      <c r="D48" s="2" t="s">
        <v>1255</v>
      </c>
      <c r="E48" s="2" t="s">
        <v>2977</v>
      </c>
      <c r="F48" s="2" t="s">
        <v>2978</v>
      </c>
      <c r="G48" s="2" t="s">
        <v>2979</v>
      </c>
      <c r="H48" s="2" t="s">
        <v>2980</v>
      </c>
    </row>
    <row r="49" spans="1:8" x14ac:dyDescent="0.2">
      <c r="A49" s="4" t="s">
        <v>143</v>
      </c>
      <c r="B49" s="6" t="s">
        <v>2981</v>
      </c>
      <c r="C49" s="2" t="s">
        <v>2982</v>
      </c>
      <c r="D49" s="2" t="s">
        <v>2983</v>
      </c>
      <c r="E49" s="2" t="s">
        <v>2984</v>
      </c>
      <c r="F49" s="2" t="s">
        <v>2985</v>
      </c>
      <c r="G49" s="2" t="s">
        <v>2986</v>
      </c>
      <c r="H49" s="2" t="s">
        <v>2987</v>
      </c>
    </row>
    <row r="50" spans="1:8" x14ac:dyDescent="0.2">
      <c r="A50" s="5" t="s">
        <v>145</v>
      </c>
      <c r="B50" s="7" t="s">
        <v>609</v>
      </c>
      <c r="C50" s="3" t="s">
        <v>2988</v>
      </c>
      <c r="D50" s="3" t="s">
        <v>2989</v>
      </c>
      <c r="E50" s="3" t="s">
        <v>2990</v>
      </c>
      <c r="F50" s="3" t="s">
        <v>2991</v>
      </c>
      <c r="G50" s="3" t="s">
        <v>2992</v>
      </c>
      <c r="H50" s="3" t="s">
        <v>2993</v>
      </c>
    </row>
    <row r="51" spans="1:8" x14ac:dyDescent="0.2">
      <c r="A51" s="4" t="s">
        <v>148</v>
      </c>
      <c r="B51" s="6" t="s">
        <v>2994</v>
      </c>
      <c r="C51" s="2" t="s">
        <v>2995</v>
      </c>
      <c r="D51" s="2" t="s">
        <v>2996</v>
      </c>
      <c r="E51" s="2" t="s">
        <v>2997</v>
      </c>
      <c r="F51" s="2" t="s">
        <v>2998</v>
      </c>
      <c r="G51" s="2" t="s">
        <v>2999</v>
      </c>
      <c r="H51" s="2" t="s">
        <v>1370</v>
      </c>
    </row>
    <row r="52" spans="1:8" x14ac:dyDescent="0.2">
      <c r="A52" s="4" t="s">
        <v>154</v>
      </c>
      <c r="B52" s="6" t="s">
        <v>3000</v>
      </c>
      <c r="C52" s="2" t="s">
        <v>3001</v>
      </c>
      <c r="D52" s="2" t="s">
        <v>3001</v>
      </c>
      <c r="E52" s="2" t="s">
        <v>49</v>
      </c>
      <c r="F52" s="2" t="s">
        <v>49</v>
      </c>
      <c r="G52" s="2" t="s">
        <v>49</v>
      </c>
      <c r="H52" s="2" t="s">
        <v>49</v>
      </c>
    </row>
    <row r="53" spans="1:8" x14ac:dyDescent="0.2">
      <c r="A53" s="4" t="s">
        <v>156</v>
      </c>
      <c r="B53" s="6" t="s">
        <v>3002</v>
      </c>
      <c r="C53" s="2" t="s">
        <v>3003</v>
      </c>
      <c r="D53" s="2" t="s">
        <v>3003</v>
      </c>
      <c r="E53" s="2" t="s">
        <v>3004</v>
      </c>
      <c r="F53" s="2" t="s">
        <v>1568</v>
      </c>
      <c r="G53" s="2" t="s">
        <v>3005</v>
      </c>
      <c r="H53" s="2" t="s">
        <v>3006</v>
      </c>
    </row>
    <row r="54" spans="1:8" x14ac:dyDescent="0.2">
      <c r="A54" s="5" t="s">
        <v>162</v>
      </c>
      <c r="B54" s="7" t="s">
        <v>3007</v>
      </c>
      <c r="C54" s="3" t="s">
        <v>3008</v>
      </c>
      <c r="D54" s="3" t="s">
        <v>3009</v>
      </c>
      <c r="E54" s="3" t="s">
        <v>3010</v>
      </c>
      <c r="F54" s="3" t="s">
        <v>3011</v>
      </c>
      <c r="G54" s="3" t="s">
        <v>3012</v>
      </c>
      <c r="H54" s="3" t="s">
        <v>3013</v>
      </c>
    </row>
    <row r="56" spans="1:8" x14ac:dyDescent="0.2">
      <c r="A56" s="8" t="s">
        <v>6</v>
      </c>
      <c r="B56" s="8" t="s">
        <v>3014</v>
      </c>
      <c r="C56" s="8" t="s">
        <v>619</v>
      </c>
      <c r="D56" s="8" t="s">
        <v>1959</v>
      </c>
      <c r="E56" s="8" t="s">
        <v>307</v>
      </c>
      <c r="F56" s="8" t="s">
        <v>7</v>
      </c>
      <c r="G56" s="8" t="s">
        <v>311</v>
      </c>
      <c r="H56" s="8" t="s">
        <v>311</v>
      </c>
    </row>
    <row r="57" spans="1:8" ht="21" x14ac:dyDescent="0.2">
      <c r="A57" s="8" t="s">
        <v>7</v>
      </c>
      <c r="B57" s="8" t="s">
        <v>7</v>
      </c>
      <c r="C57" s="8" t="s">
        <v>7</v>
      </c>
      <c r="D57" s="8" t="s">
        <v>7</v>
      </c>
      <c r="E57" s="1" t="s">
        <v>312</v>
      </c>
      <c r="F57" s="1" t="s">
        <v>3015</v>
      </c>
      <c r="G57" s="1" t="s">
        <v>3016</v>
      </c>
      <c r="H57" s="1" t="s">
        <v>3017</v>
      </c>
    </row>
    <row r="58" spans="1:8" x14ac:dyDescent="0.2">
      <c r="A58" s="4" t="s">
        <v>168</v>
      </c>
      <c r="B58" s="6" t="s">
        <v>3018</v>
      </c>
      <c r="C58" s="2" t="s">
        <v>49</v>
      </c>
      <c r="D58" s="2" t="s">
        <v>49</v>
      </c>
      <c r="E58" s="2" t="s">
        <v>49</v>
      </c>
      <c r="F58" s="2" t="s">
        <v>49</v>
      </c>
      <c r="G58" s="2" t="s">
        <v>49</v>
      </c>
      <c r="H58" s="2" t="s">
        <v>49</v>
      </c>
    </row>
    <row r="59" spans="1:8" x14ac:dyDescent="0.2">
      <c r="A59" s="4" t="s">
        <v>174</v>
      </c>
      <c r="B59" s="6" t="s">
        <v>3019</v>
      </c>
      <c r="C59" s="2" t="s">
        <v>49</v>
      </c>
      <c r="D59" s="2" t="s">
        <v>49</v>
      </c>
      <c r="E59" s="2" t="s">
        <v>49</v>
      </c>
      <c r="F59" s="2" t="s">
        <v>49</v>
      </c>
      <c r="G59" s="2" t="s">
        <v>49</v>
      </c>
      <c r="H59" s="2" t="s">
        <v>49</v>
      </c>
    </row>
    <row r="60" spans="1:8" x14ac:dyDescent="0.2">
      <c r="A60" s="5" t="s">
        <v>180</v>
      </c>
      <c r="B60" s="7" t="s">
        <v>3020</v>
      </c>
      <c r="C60" s="3" t="s">
        <v>3021</v>
      </c>
      <c r="D60" s="3" t="s">
        <v>3022</v>
      </c>
      <c r="E60" s="3" t="s">
        <v>3023</v>
      </c>
      <c r="F60" s="3" t="s">
        <v>3024</v>
      </c>
      <c r="G60" s="3" t="s">
        <v>3025</v>
      </c>
      <c r="H60" s="3" t="s">
        <v>3026</v>
      </c>
    </row>
    <row r="61" spans="1:8" x14ac:dyDescent="0.2">
      <c r="A61" s="4" t="s">
        <v>182</v>
      </c>
      <c r="B61" s="6" t="s">
        <v>3027</v>
      </c>
      <c r="C61" s="2" t="s">
        <v>3028</v>
      </c>
      <c r="D61" s="2" t="s">
        <v>3029</v>
      </c>
      <c r="E61" s="2" t="s">
        <v>3030</v>
      </c>
      <c r="F61" s="2" t="s">
        <v>3031</v>
      </c>
      <c r="G61" s="2" t="s">
        <v>3032</v>
      </c>
      <c r="H61" s="2" t="s">
        <v>532</v>
      </c>
    </row>
    <row r="62" spans="1:8" x14ac:dyDescent="0.2">
      <c r="A62" s="4" t="s">
        <v>188</v>
      </c>
      <c r="B62" s="6" t="s">
        <v>3033</v>
      </c>
      <c r="C62" s="2" t="s">
        <v>49</v>
      </c>
      <c r="D62" s="2" t="s">
        <v>3034</v>
      </c>
      <c r="E62" s="2" t="s">
        <v>3034</v>
      </c>
      <c r="F62" s="2" t="s">
        <v>769</v>
      </c>
      <c r="G62" s="2" t="s">
        <v>49</v>
      </c>
      <c r="H62" s="2" t="s">
        <v>49</v>
      </c>
    </row>
    <row r="63" spans="1:8" x14ac:dyDescent="0.2">
      <c r="A63" s="4" t="s">
        <v>194</v>
      </c>
      <c r="B63" s="6" t="s">
        <v>3035</v>
      </c>
      <c r="C63" s="2" t="s">
        <v>3036</v>
      </c>
      <c r="D63" s="2" t="s">
        <v>3036</v>
      </c>
      <c r="E63" s="2" t="s">
        <v>3037</v>
      </c>
      <c r="F63" s="2" t="s">
        <v>3038</v>
      </c>
      <c r="G63" s="2" t="s">
        <v>3039</v>
      </c>
      <c r="H63" s="2" t="s">
        <v>962</v>
      </c>
    </row>
    <row r="64" spans="1:8" x14ac:dyDescent="0.2">
      <c r="A64" s="4" t="s">
        <v>196</v>
      </c>
      <c r="B64" s="6" t="s">
        <v>3040</v>
      </c>
      <c r="C64" s="2" t="s">
        <v>49</v>
      </c>
      <c r="D64" s="2" t="s">
        <v>49</v>
      </c>
      <c r="E64" s="2" t="s">
        <v>49</v>
      </c>
      <c r="F64" s="2" t="s">
        <v>49</v>
      </c>
      <c r="G64" s="2" t="s">
        <v>49</v>
      </c>
      <c r="H64" s="2" t="s">
        <v>49</v>
      </c>
    </row>
    <row r="65" spans="1:8" x14ac:dyDescent="0.2">
      <c r="A65" s="4" t="s">
        <v>198</v>
      </c>
      <c r="B65" s="6" t="s">
        <v>3041</v>
      </c>
      <c r="C65" s="2" t="s">
        <v>49</v>
      </c>
      <c r="D65" s="2" t="s">
        <v>49</v>
      </c>
      <c r="E65" s="2" t="s">
        <v>49</v>
      </c>
      <c r="F65" s="2" t="s">
        <v>49</v>
      </c>
      <c r="G65" s="2" t="s">
        <v>49</v>
      </c>
      <c r="H65" s="2" t="s">
        <v>49</v>
      </c>
    </row>
    <row r="66" spans="1:8" x14ac:dyDescent="0.2">
      <c r="A66" s="4" t="s">
        <v>200</v>
      </c>
      <c r="B66" s="6" t="s">
        <v>3042</v>
      </c>
      <c r="C66" s="2" t="s">
        <v>49</v>
      </c>
      <c r="D66" s="2" t="s">
        <v>49</v>
      </c>
      <c r="E66" s="2" t="s">
        <v>49</v>
      </c>
      <c r="F66" s="2" t="s">
        <v>49</v>
      </c>
      <c r="G66" s="2" t="s">
        <v>49</v>
      </c>
      <c r="H66" s="2" t="s">
        <v>49</v>
      </c>
    </row>
    <row r="67" spans="1:8" x14ac:dyDescent="0.2">
      <c r="A67" s="4" t="s">
        <v>206</v>
      </c>
      <c r="B67" s="6" t="s">
        <v>3043</v>
      </c>
      <c r="C67" s="2" t="s">
        <v>49</v>
      </c>
      <c r="D67" s="2" t="s">
        <v>49</v>
      </c>
      <c r="E67" s="2" t="s">
        <v>49</v>
      </c>
      <c r="F67" s="2" t="s">
        <v>49</v>
      </c>
      <c r="G67" s="2" t="s">
        <v>49</v>
      </c>
      <c r="H67" s="2" t="s">
        <v>49</v>
      </c>
    </row>
    <row r="68" spans="1:8" x14ac:dyDescent="0.2">
      <c r="A68" s="4" t="s">
        <v>212</v>
      </c>
      <c r="B68" s="6" t="s">
        <v>3044</v>
      </c>
      <c r="C68" s="2" t="s">
        <v>3021</v>
      </c>
      <c r="D68" s="2" t="s">
        <v>3022</v>
      </c>
      <c r="E68" s="2" t="s">
        <v>3023</v>
      </c>
      <c r="F68" s="2" t="s">
        <v>3024</v>
      </c>
      <c r="G68" s="2" t="s">
        <v>3025</v>
      </c>
      <c r="H68" s="2" t="s">
        <v>3026</v>
      </c>
    </row>
    <row r="70" spans="1:8" x14ac:dyDescent="0.2">
      <c r="A70" s="8" t="s">
        <v>6</v>
      </c>
      <c r="B70" s="8" t="s">
        <v>3045</v>
      </c>
      <c r="C70" s="8" t="s">
        <v>619</v>
      </c>
      <c r="D70" s="8" t="s">
        <v>1959</v>
      </c>
      <c r="E70" s="8" t="s">
        <v>307</v>
      </c>
      <c r="F70" s="8" t="s">
        <v>7</v>
      </c>
      <c r="G70" s="8" t="s">
        <v>311</v>
      </c>
      <c r="H70" s="8" t="s">
        <v>311</v>
      </c>
    </row>
    <row r="71" spans="1:8" ht="21" x14ac:dyDescent="0.2">
      <c r="A71" s="8" t="s">
        <v>7</v>
      </c>
      <c r="B71" s="8" t="s">
        <v>7</v>
      </c>
      <c r="C71" s="8" t="s">
        <v>7</v>
      </c>
      <c r="D71" s="8" t="s">
        <v>7</v>
      </c>
      <c r="E71" s="1" t="s">
        <v>312</v>
      </c>
      <c r="F71" s="1" t="s">
        <v>3015</v>
      </c>
      <c r="G71" s="1" t="s">
        <v>3016</v>
      </c>
      <c r="H71" s="1" t="s">
        <v>3017</v>
      </c>
    </row>
    <row r="72" spans="1:8" x14ac:dyDescent="0.2">
      <c r="A72" s="4" t="s">
        <v>218</v>
      </c>
      <c r="B72" s="6" t="s">
        <v>3046</v>
      </c>
      <c r="C72" s="2" t="s">
        <v>3047</v>
      </c>
      <c r="D72" s="2" t="s">
        <v>3048</v>
      </c>
      <c r="E72" s="2" t="s">
        <v>3049</v>
      </c>
      <c r="F72" s="2" t="s">
        <v>3050</v>
      </c>
      <c r="G72" s="2" t="s">
        <v>3051</v>
      </c>
      <c r="H72" s="2" t="s">
        <v>3052</v>
      </c>
    </row>
    <row r="74" spans="1:8" x14ac:dyDescent="0.2">
      <c r="A74" s="8" t="s">
        <v>6</v>
      </c>
      <c r="B74" s="8" t="s">
        <v>3053</v>
      </c>
      <c r="C74" s="8" t="s">
        <v>2740</v>
      </c>
    </row>
    <row r="75" spans="1:8" x14ac:dyDescent="0.2">
      <c r="A75" s="8" t="s">
        <v>7</v>
      </c>
      <c r="B75" s="8" t="s">
        <v>7</v>
      </c>
      <c r="C75" s="8" t="s">
        <v>7</v>
      </c>
    </row>
    <row r="76" spans="1:8" x14ac:dyDescent="0.2">
      <c r="A76" s="4" t="s">
        <v>224</v>
      </c>
      <c r="B76" s="6" t="s">
        <v>3054</v>
      </c>
      <c r="C76" s="2" t="s">
        <v>3055</v>
      </c>
    </row>
    <row r="78" spans="1:8" x14ac:dyDescent="0.2">
      <c r="A78" s="8" t="s">
        <v>6</v>
      </c>
      <c r="B78" s="8" t="s">
        <v>3056</v>
      </c>
      <c r="C78" s="8" t="s">
        <v>2740</v>
      </c>
    </row>
    <row r="79" spans="1:8" x14ac:dyDescent="0.2">
      <c r="A79" s="8" t="s">
        <v>7</v>
      </c>
      <c r="B79" s="8" t="s">
        <v>7</v>
      </c>
      <c r="C79" s="8" t="s">
        <v>7</v>
      </c>
    </row>
    <row r="80" spans="1:8" x14ac:dyDescent="0.2">
      <c r="A80" s="4" t="s">
        <v>230</v>
      </c>
      <c r="B80" s="6" t="s">
        <v>3057</v>
      </c>
      <c r="C80" s="2" t="s">
        <v>3058</v>
      </c>
    </row>
    <row r="82" spans="1:7" x14ac:dyDescent="0.2">
      <c r="A82" s="8" t="s">
        <v>6</v>
      </c>
      <c r="B82" s="8" t="s">
        <v>3059</v>
      </c>
      <c r="C82" s="8" t="s">
        <v>3060</v>
      </c>
      <c r="D82" s="8" t="s">
        <v>3061</v>
      </c>
      <c r="E82" s="8" t="s">
        <v>3062</v>
      </c>
      <c r="F82" s="8" t="s">
        <v>3063</v>
      </c>
      <c r="G82" s="8" t="s">
        <v>3064</v>
      </c>
    </row>
    <row r="83" spans="1:7" x14ac:dyDescent="0.2">
      <c r="A83" s="8" t="s">
        <v>7</v>
      </c>
      <c r="B83" s="8" t="s">
        <v>7</v>
      </c>
      <c r="C83" s="8" t="s">
        <v>7</v>
      </c>
      <c r="D83" s="8" t="s">
        <v>7</v>
      </c>
      <c r="E83" s="8" t="s">
        <v>7</v>
      </c>
      <c r="F83" s="8" t="s">
        <v>7</v>
      </c>
      <c r="G83" s="8" t="s">
        <v>7</v>
      </c>
    </row>
    <row r="84" spans="1:7" x14ac:dyDescent="0.2">
      <c r="A84" s="4" t="s">
        <v>235</v>
      </c>
      <c r="B84" s="6" t="s">
        <v>3065</v>
      </c>
      <c r="C84" s="2" t="s">
        <v>49</v>
      </c>
      <c r="D84" s="2" t="s">
        <v>49</v>
      </c>
      <c r="E84" s="2" t="s">
        <v>49</v>
      </c>
      <c r="F84" s="2" t="s">
        <v>49</v>
      </c>
      <c r="G84" s="2" t="s">
        <v>49</v>
      </c>
    </row>
    <row r="85" spans="1:7" x14ac:dyDescent="0.2">
      <c r="A85" s="4" t="s">
        <v>240</v>
      </c>
      <c r="B85" s="6" t="s">
        <v>3066</v>
      </c>
      <c r="C85" s="2" t="s">
        <v>3067</v>
      </c>
      <c r="D85" s="2" t="s">
        <v>3068</v>
      </c>
      <c r="E85" s="2" t="s">
        <v>3069</v>
      </c>
      <c r="F85" s="2" t="s">
        <v>3070</v>
      </c>
      <c r="G85" s="2" t="s">
        <v>49</v>
      </c>
    </row>
    <row r="86" spans="1:7" x14ac:dyDescent="0.2">
      <c r="A86" s="4" t="s">
        <v>241</v>
      </c>
      <c r="B86" s="6" t="s">
        <v>3071</v>
      </c>
      <c r="C86" s="2" t="s">
        <v>3072</v>
      </c>
      <c r="D86" s="2" t="s">
        <v>49</v>
      </c>
      <c r="E86" s="2" t="s">
        <v>49</v>
      </c>
      <c r="F86" s="2" t="s">
        <v>3072</v>
      </c>
      <c r="G86" s="2" t="s">
        <v>3073</v>
      </c>
    </row>
    <row r="87" spans="1:7" x14ac:dyDescent="0.2">
      <c r="A87" s="4" t="s">
        <v>242</v>
      </c>
      <c r="B87" s="6" t="s">
        <v>3074</v>
      </c>
      <c r="C87" s="2" t="s">
        <v>3075</v>
      </c>
      <c r="D87" s="2" t="s">
        <v>49</v>
      </c>
      <c r="E87" s="2" t="s">
        <v>49</v>
      </c>
      <c r="F87" s="2" t="s">
        <v>3075</v>
      </c>
      <c r="G87" s="2" t="s">
        <v>49</v>
      </c>
    </row>
    <row r="88" spans="1:7" x14ac:dyDescent="0.2">
      <c r="A88" s="4" t="s">
        <v>244</v>
      </c>
      <c r="B88" s="6" t="s">
        <v>3076</v>
      </c>
      <c r="C88" s="2" t="s">
        <v>49</v>
      </c>
      <c r="D88" s="2" t="s">
        <v>49</v>
      </c>
      <c r="E88" s="2" t="s">
        <v>49</v>
      </c>
      <c r="F88" s="2" t="s">
        <v>49</v>
      </c>
      <c r="G88" s="2" t="s">
        <v>49</v>
      </c>
    </row>
    <row r="89" spans="1:7" x14ac:dyDescent="0.2">
      <c r="A89" s="4" t="s">
        <v>249</v>
      </c>
      <c r="B89" s="6" t="s">
        <v>3077</v>
      </c>
      <c r="C89" s="2" t="s">
        <v>3078</v>
      </c>
      <c r="D89" s="2" t="s">
        <v>49</v>
      </c>
      <c r="E89" s="2" t="s">
        <v>49</v>
      </c>
      <c r="F89" s="2" t="s">
        <v>3078</v>
      </c>
      <c r="G89" s="2" t="s">
        <v>49</v>
      </c>
    </row>
    <row r="90" spans="1:7" x14ac:dyDescent="0.2">
      <c r="A90" s="4" t="s">
        <v>250</v>
      </c>
      <c r="B90" s="6" t="s">
        <v>1567</v>
      </c>
      <c r="C90" s="2" t="s">
        <v>3079</v>
      </c>
      <c r="D90" s="2" t="s">
        <v>3068</v>
      </c>
      <c r="E90" s="2" t="s">
        <v>3069</v>
      </c>
      <c r="F90" s="2" t="s">
        <v>3080</v>
      </c>
      <c r="G90" s="2" t="s">
        <v>3073</v>
      </c>
    </row>
    <row r="92" spans="1:7" x14ac:dyDescent="0.2">
      <c r="A92" s="8" t="s">
        <v>6</v>
      </c>
      <c r="B92" s="8" t="s">
        <v>3081</v>
      </c>
      <c r="C92" s="8" t="s">
        <v>3082</v>
      </c>
      <c r="D92" s="8" t="s">
        <v>7</v>
      </c>
      <c r="E92" s="8" t="s">
        <v>3082</v>
      </c>
    </row>
    <row r="93" spans="1:7" ht="31.5" x14ac:dyDescent="0.2">
      <c r="A93" s="8" t="s">
        <v>7</v>
      </c>
      <c r="B93" s="8" t="s">
        <v>7</v>
      </c>
      <c r="C93" s="1" t="s">
        <v>3083</v>
      </c>
      <c r="D93" s="1" t="s">
        <v>3084</v>
      </c>
      <c r="E93" s="1" t="s">
        <v>3085</v>
      </c>
    </row>
    <row r="94" spans="1:7" x14ac:dyDescent="0.2">
      <c r="A94" s="4" t="s">
        <v>252</v>
      </c>
      <c r="B94" s="6" t="s">
        <v>3086</v>
      </c>
      <c r="C94" s="2" t="s">
        <v>49</v>
      </c>
      <c r="D94" s="2" t="s">
        <v>49</v>
      </c>
      <c r="E94" s="2" t="s">
        <v>49</v>
      </c>
    </row>
    <row r="95" spans="1:7" x14ac:dyDescent="0.2">
      <c r="A95" s="4" t="s">
        <v>254</v>
      </c>
      <c r="B95" s="6" t="s">
        <v>3087</v>
      </c>
      <c r="C95" s="2" t="s">
        <v>49</v>
      </c>
      <c r="D95" s="2" t="s">
        <v>49</v>
      </c>
      <c r="E95" s="2" t="s">
        <v>49</v>
      </c>
    </row>
    <row r="96" spans="1:7" x14ac:dyDescent="0.2">
      <c r="A96" s="4" t="s">
        <v>256</v>
      </c>
      <c r="B96" s="6" t="s">
        <v>3088</v>
      </c>
      <c r="C96" s="2" t="s">
        <v>49</v>
      </c>
      <c r="D96" s="2" t="s">
        <v>49</v>
      </c>
      <c r="E96" s="2" t="s">
        <v>49</v>
      </c>
    </row>
    <row r="97" spans="1:8" x14ac:dyDescent="0.2">
      <c r="A97" s="4" t="s">
        <v>258</v>
      </c>
      <c r="B97" s="6" t="s">
        <v>3089</v>
      </c>
      <c r="C97" s="2" t="s">
        <v>49</v>
      </c>
      <c r="D97" s="2" t="s">
        <v>49</v>
      </c>
      <c r="E97" s="2" t="s">
        <v>49</v>
      </c>
    </row>
    <row r="98" spans="1:8" x14ac:dyDescent="0.2">
      <c r="A98" s="4" t="s">
        <v>260</v>
      </c>
      <c r="B98" s="6" t="s">
        <v>3090</v>
      </c>
      <c r="C98" s="2" t="s">
        <v>49</v>
      </c>
      <c r="D98" s="2" t="s">
        <v>49</v>
      </c>
      <c r="E98" s="2" t="s">
        <v>49</v>
      </c>
    </row>
    <row r="99" spans="1:8" x14ac:dyDescent="0.2">
      <c r="A99" s="4" t="s">
        <v>262</v>
      </c>
      <c r="B99" s="6" t="s">
        <v>3091</v>
      </c>
      <c r="C99" s="2" t="s">
        <v>49</v>
      </c>
      <c r="D99" s="2" t="s">
        <v>49</v>
      </c>
      <c r="E99" s="2" t="s">
        <v>49</v>
      </c>
    </row>
    <row r="101" spans="1:8" x14ac:dyDescent="0.2">
      <c r="A101" s="8" t="s">
        <v>6</v>
      </c>
      <c r="B101" s="8" t="s">
        <v>3092</v>
      </c>
      <c r="C101" s="8" t="s">
        <v>3093</v>
      </c>
      <c r="D101" s="8" t="s">
        <v>7</v>
      </c>
      <c r="E101" s="8" t="s">
        <v>3093</v>
      </c>
    </row>
    <row r="102" spans="1:8" ht="31.5" x14ac:dyDescent="0.2">
      <c r="A102" s="8" t="s">
        <v>7</v>
      </c>
      <c r="B102" s="8" t="s">
        <v>7</v>
      </c>
      <c r="C102" s="1" t="s">
        <v>3083</v>
      </c>
      <c r="D102" s="1" t="s">
        <v>3094</v>
      </c>
      <c r="E102" s="1" t="s">
        <v>3085</v>
      </c>
    </row>
    <row r="103" spans="1:8" x14ac:dyDescent="0.2">
      <c r="A103" s="4" t="s">
        <v>268</v>
      </c>
      <c r="B103" s="6" t="s">
        <v>3095</v>
      </c>
      <c r="C103" s="2" t="s">
        <v>49</v>
      </c>
      <c r="D103" s="2" t="s">
        <v>49</v>
      </c>
      <c r="E103" s="2" t="s">
        <v>49</v>
      </c>
    </row>
    <row r="104" spans="1:8" x14ac:dyDescent="0.2">
      <c r="A104" s="4" t="s">
        <v>274</v>
      </c>
      <c r="B104" s="6" t="s">
        <v>3096</v>
      </c>
      <c r="C104" s="2" t="s">
        <v>49</v>
      </c>
      <c r="D104" s="2" t="s">
        <v>49</v>
      </c>
      <c r="E104" s="2" t="s">
        <v>49</v>
      </c>
    </row>
    <row r="105" spans="1:8" x14ac:dyDescent="0.2">
      <c r="A105" s="4" t="s">
        <v>276</v>
      </c>
      <c r="B105" s="6" t="s">
        <v>3097</v>
      </c>
      <c r="C105" s="2" t="s">
        <v>49</v>
      </c>
      <c r="D105" s="2" t="s">
        <v>49</v>
      </c>
      <c r="E105" s="2" t="s">
        <v>49</v>
      </c>
    </row>
    <row r="106" spans="1:8" x14ac:dyDescent="0.2">
      <c r="A106" s="4" t="s">
        <v>278</v>
      </c>
      <c r="B106" s="6" t="s">
        <v>3098</v>
      </c>
      <c r="C106" s="2" t="s">
        <v>49</v>
      </c>
      <c r="D106" s="2" t="s">
        <v>49</v>
      </c>
      <c r="E106" s="2" t="s">
        <v>49</v>
      </c>
    </row>
    <row r="107" spans="1:8" x14ac:dyDescent="0.2">
      <c r="A107" s="4" t="s">
        <v>280</v>
      </c>
      <c r="B107" s="6" t="s">
        <v>3099</v>
      </c>
      <c r="C107" s="2" t="s">
        <v>49</v>
      </c>
      <c r="D107" s="2" t="s">
        <v>49</v>
      </c>
      <c r="E107" s="2" t="s">
        <v>49</v>
      </c>
    </row>
    <row r="108" spans="1:8" x14ac:dyDescent="0.2">
      <c r="A108" s="4" t="s">
        <v>282</v>
      </c>
      <c r="B108" s="6" t="s">
        <v>3100</v>
      </c>
      <c r="C108" s="2" t="s">
        <v>49</v>
      </c>
      <c r="D108" s="2" t="s">
        <v>49</v>
      </c>
      <c r="E108" s="2" t="s">
        <v>49</v>
      </c>
    </row>
    <row r="110" spans="1:8" x14ac:dyDescent="0.2">
      <c r="A110" s="8" t="s">
        <v>6</v>
      </c>
      <c r="B110" s="8" t="s">
        <v>3101</v>
      </c>
      <c r="C110" s="8" t="s">
        <v>619</v>
      </c>
      <c r="D110" s="8" t="s">
        <v>1959</v>
      </c>
      <c r="E110" s="8" t="s">
        <v>307</v>
      </c>
      <c r="F110" s="8" t="s">
        <v>7</v>
      </c>
      <c r="G110" s="8" t="s">
        <v>311</v>
      </c>
      <c r="H110" s="8" t="s">
        <v>311</v>
      </c>
    </row>
    <row r="111" spans="1:8" ht="21" x14ac:dyDescent="0.2">
      <c r="A111" s="8" t="s">
        <v>7</v>
      </c>
      <c r="B111" s="8" t="s">
        <v>7</v>
      </c>
      <c r="C111" s="8" t="s">
        <v>7</v>
      </c>
      <c r="D111" s="8" t="s">
        <v>7</v>
      </c>
      <c r="E111" s="1" t="s">
        <v>3102</v>
      </c>
      <c r="F111" s="1" t="s">
        <v>3103</v>
      </c>
      <c r="G111" s="1" t="s">
        <v>3104</v>
      </c>
      <c r="H111" s="1" t="s">
        <v>3105</v>
      </c>
    </row>
    <row r="112" spans="1:8" x14ac:dyDescent="0.2">
      <c r="A112" s="4" t="s">
        <v>284</v>
      </c>
      <c r="B112" s="6" t="s">
        <v>3106</v>
      </c>
      <c r="C112" s="2" t="s">
        <v>3107</v>
      </c>
      <c r="D112" s="2" t="s">
        <v>3108</v>
      </c>
      <c r="E112" s="2" t="s">
        <v>853</v>
      </c>
      <c r="F112" s="2" t="s">
        <v>3109</v>
      </c>
      <c r="G112" s="2" t="s">
        <v>856</v>
      </c>
      <c r="H112" s="2" t="s">
        <v>49</v>
      </c>
    </row>
    <row r="113" spans="1:8" x14ac:dyDescent="0.2">
      <c r="A113" s="4" t="s">
        <v>285</v>
      </c>
      <c r="B113" s="6" t="s">
        <v>3110</v>
      </c>
      <c r="C113" s="2" t="s">
        <v>3111</v>
      </c>
      <c r="D113" s="2" t="s">
        <v>3112</v>
      </c>
      <c r="E113" s="2" t="s">
        <v>3113</v>
      </c>
      <c r="F113" s="2" t="s">
        <v>3114</v>
      </c>
      <c r="G113" s="2" t="s">
        <v>3115</v>
      </c>
      <c r="H113" s="2" t="s">
        <v>3116</v>
      </c>
    </row>
    <row r="114" spans="1:8" x14ac:dyDescent="0.2">
      <c r="A114" s="4" t="s">
        <v>286</v>
      </c>
      <c r="B114" s="6" t="s">
        <v>3117</v>
      </c>
      <c r="C114" s="2" t="s">
        <v>3118</v>
      </c>
      <c r="D114" s="2" t="s">
        <v>3119</v>
      </c>
      <c r="E114" s="2" t="s">
        <v>870</v>
      </c>
      <c r="F114" s="2" t="s">
        <v>3120</v>
      </c>
      <c r="G114" s="2" t="s">
        <v>873</v>
      </c>
      <c r="H114" s="2" t="s">
        <v>1014</v>
      </c>
    </row>
    <row r="115" spans="1:8" x14ac:dyDescent="0.2">
      <c r="A115" s="4" t="s">
        <v>288</v>
      </c>
      <c r="B115" s="6" t="s">
        <v>3121</v>
      </c>
      <c r="C115" s="2" t="s">
        <v>876</v>
      </c>
      <c r="D115" s="2" t="s">
        <v>876</v>
      </c>
      <c r="E115" s="2" t="s">
        <v>877</v>
      </c>
      <c r="F115" s="2" t="s">
        <v>49</v>
      </c>
      <c r="G115" s="2" t="s">
        <v>879</v>
      </c>
      <c r="H115" s="2" t="s">
        <v>49</v>
      </c>
    </row>
    <row r="116" spans="1:8" x14ac:dyDescent="0.2">
      <c r="A116" s="4" t="s">
        <v>291</v>
      </c>
      <c r="B116" s="6" t="s">
        <v>3122</v>
      </c>
      <c r="C116" s="2" t="s">
        <v>882</v>
      </c>
      <c r="D116" s="2" t="s">
        <v>883</v>
      </c>
      <c r="E116" s="2" t="s">
        <v>884</v>
      </c>
      <c r="F116" s="2" t="s">
        <v>3123</v>
      </c>
      <c r="G116" s="2" t="s">
        <v>886</v>
      </c>
      <c r="H116" s="2" t="s">
        <v>705</v>
      </c>
    </row>
    <row r="117" spans="1:8" x14ac:dyDescent="0.2">
      <c r="A117" s="4" t="s">
        <v>296</v>
      </c>
      <c r="B117" s="6" t="s">
        <v>3124</v>
      </c>
      <c r="C117" s="2" t="s">
        <v>3125</v>
      </c>
      <c r="D117" s="2" t="s">
        <v>3126</v>
      </c>
      <c r="E117" s="2" t="s">
        <v>891</v>
      </c>
      <c r="F117" s="2" t="s">
        <v>3127</v>
      </c>
      <c r="G117" s="2" t="s">
        <v>894</v>
      </c>
      <c r="H117" s="2" t="s">
        <v>3128</v>
      </c>
    </row>
    <row r="118" spans="1:8" x14ac:dyDescent="0.2">
      <c r="A118" s="4" t="s">
        <v>298</v>
      </c>
      <c r="B118" s="6" t="s">
        <v>3129</v>
      </c>
      <c r="C118" s="2" t="s">
        <v>3130</v>
      </c>
      <c r="D118" s="2" t="s">
        <v>3131</v>
      </c>
      <c r="E118" s="2" t="s">
        <v>3132</v>
      </c>
      <c r="F118" s="2" t="s">
        <v>3133</v>
      </c>
      <c r="G118" s="2" t="s">
        <v>3134</v>
      </c>
      <c r="H118" s="2" t="s">
        <v>3135</v>
      </c>
    </row>
    <row r="119" spans="1:8" x14ac:dyDescent="0.2">
      <c r="A119" s="5" t="s">
        <v>300</v>
      </c>
      <c r="B119" s="7" t="s">
        <v>1567</v>
      </c>
      <c r="C119" s="3" t="s">
        <v>3008</v>
      </c>
      <c r="D119" s="3" t="s">
        <v>3009</v>
      </c>
      <c r="E119" s="3" t="s">
        <v>3010</v>
      </c>
      <c r="F119" s="3" t="s">
        <v>1568</v>
      </c>
      <c r="G119" s="3" t="s">
        <v>3012</v>
      </c>
      <c r="H119" s="3" t="s">
        <v>1568</v>
      </c>
    </row>
  </sheetData>
  <mergeCells count="59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2:A33"/>
    <mergeCell ref="B32:B33"/>
    <mergeCell ref="C32:C33"/>
    <mergeCell ref="D32:D33"/>
    <mergeCell ref="E32:F32"/>
    <mergeCell ref="A44:A45"/>
    <mergeCell ref="B44:B45"/>
    <mergeCell ref="C44:C45"/>
    <mergeCell ref="D44:D45"/>
    <mergeCell ref="E44:F44"/>
    <mergeCell ref="G44:H44"/>
    <mergeCell ref="A56:A57"/>
    <mergeCell ref="B56:B57"/>
    <mergeCell ref="C56:C57"/>
    <mergeCell ref="D56:D57"/>
    <mergeCell ref="E56:F56"/>
    <mergeCell ref="G56:H56"/>
    <mergeCell ref="A70:A71"/>
    <mergeCell ref="B70:B71"/>
    <mergeCell ref="C70:C71"/>
    <mergeCell ref="D70:D71"/>
    <mergeCell ref="E70:F70"/>
    <mergeCell ref="G70:H70"/>
    <mergeCell ref="D82:D83"/>
    <mergeCell ref="E82:E83"/>
    <mergeCell ref="F82:F83"/>
    <mergeCell ref="A74:A75"/>
    <mergeCell ref="B74:B75"/>
    <mergeCell ref="C74:C75"/>
    <mergeCell ref="A78:A79"/>
    <mergeCell ref="B78:B79"/>
    <mergeCell ref="C78:C79"/>
    <mergeCell ref="G82:G83"/>
    <mergeCell ref="A92:A93"/>
    <mergeCell ref="B92:B93"/>
    <mergeCell ref="C92:E92"/>
    <mergeCell ref="A101:A102"/>
    <mergeCell ref="B101:B102"/>
    <mergeCell ref="C101:E101"/>
    <mergeCell ref="A82:A83"/>
    <mergeCell ref="B82:B83"/>
    <mergeCell ref="C82:C83"/>
    <mergeCell ref="A110:A111"/>
    <mergeCell ref="B110:B111"/>
    <mergeCell ref="C110:C111"/>
    <mergeCell ref="D110:D111"/>
    <mergeCell ref="E110:F110"/>
    <mergeCell ref="G110:H110"/>
  </mergeCells>
  <pageMargins left="0.78740157499999996" right="0.78740157499999996" top="0.984251969" bottom="0.984251969" header="0.5" footer="0.5"/>
  <pageSetup orientation="portrait" horizontalDpi="300" verticalDpi="30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1</vt:i4>
      </vt:variant>
    </vt:vector>
  </HeadingPairs>
  <TitlesOfParts>
    <vt:vector size="11" baseType="lpstr">
      <vt:lpstr>Anexo 1 - Balanço Orçamentário</vt:lpstr>
      <vt:lpstr>Anexo 2 - Função e SubFunção</vt:lpstr>
      <vt:lpstr>Anexo 3 - RCL</vt:lpstr>
      <vt:lpstr>Anexo 4 - RPPS</vt:lpstr>
      <vt:lpstr>Anexo 5 - Resultado Nominal</vt:lpstr>
      <vt:lpstr>Anexo 6 - Resultado Primário</vt:lpstr>
      <vt:lpstr>Anexo 7 - Restos a Pagar</vt:lpstr>
      <vt:lpstr>Anexo 8 - Educação - MDE</vt:lpstr>
      <vt:lpstr>Anexo 12 - Saúde</vt:lpstr>
      <vt:lpstr>Anexo 13 - PPP</vt:lpstr>
      <vt:lpstr>Anexo 14 - Demonst. Simplific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ucilene Aires de Souza</dc:creator>
  <cp:lastModifiedBy>Lucilene Aires de Souza</cp:lastModifiedBy>
  <dcterms:created xsi:type="dcterms:W3CDTF">2017-03-30T15:43:16Z</dcterms:created>
  <dcterms:modified xsi:type="dcterms:W3CDTF">2017-03-31T15:01:57Z</dcterms:modified>
</cp:coreProperties>
</file>